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0" yWindow="0" windowWidth="20490" windowHeight="7530"/>
  </bookViews>
  <sheets>
    <sheet name="中学校（横浜市）" sheetId="1" r:id="rId1"/>
  </sheets>
  <definedNames>
    <definedName name="_xlnm.Print_Area" localSheetId="0">'中学校（横浜市）'!$B$2:$I$148</definedName>
    <definedName name="_xlnm.Print_Titles" localSheetId="0">'中学校（横浜市）'!$4:$4</definedName>
  </definedNames>
  <calcPr calcId="125725"/>
</workbook>
</file>

<file path=xl/sharedStrings.xml><?xml version="1.0" encoding="utf-8"?>
<sst xmlns="http://schemas.openxmlformats.org/spreadsheetml/2006/main" count="913" uniqueCount="898">
  <si>
    <t>横浜市</t>
  </si>
  <si>
    <t>鶴見区</t>
  </si>
  <si>
    <t>横浜市立市場中学校</t>
  </si>
  <si>
    <t>いちば</t>
  </si>
  <si>
    <t>横浜市鶴見区市場下町1-1</t>
  </si>
  <si>
    <t>（本校9校）</t>
  </si>
  <si>
    <t>横浜市立潮田中学校</t>
  </si>
  <si>
    <t>うしおだ</t>
  </si>
  <si>
    <t>横浜市鶴見区向井町4-83</t>
  </si>
  <si>
    <t>分校1校）</t>
  </si>
  <si>
    <t>横浜市立末吉中学校</t>
  </si>
  <si>
    <t>すえよし</t>
  </si>
  <si>
    <t>横浜市鶴見区下末吉6-13-1</t>
  </si>
  <si>
    <t>横浜市立鶴見中学校</t>
  </si>
  <si>
    <t>つるみ</t>
  </si>
  <si>
    <t>横浜市鶴見区鶴見中央3-14-1</t>
  </si>
  <si>
    <t>横浜市立寺尾中学校</t>
  </si>
  <si>
    <t>てらお</t>
  </si>
  <si>
    <t>横浜市鶴見区北寺尾3-13-1</t>
  </si>
  <si>
    <t>横浜市立生麦中学校</t>
  </si>
  <si>
    <t>なまむぎ</t>
  </si>
  <si>
    <t>横浜市鶴見区岸谷2-1-1</t>
  </si>
  <si>
    <t>横浜市立寛政中学校</t>
  </si>
  <si>
    <t>かんせい</t>
  </si>
  <si>
    <t>横浜市鶴見区寛政町23-1</t>
  </si>
  <si>
    <t>横浜市立矢向中学校</t>
  </si>
  <si>
    <t>やこう</t>
  </si>
  <si>
    <t>横浜市鶴見区矢向1-8-24</t>
  </si>
  <si>
    <t>横浜市立上の宮中学校</t>
  </si>
  <si>
    <t>かみのみや</t>
  </si>
  <si>
    <t>横浜市鶴見区上の宮1-26-33</t>
  </si>
  <si>
    <t>神奈川区</t>
  </si>
  <si>
    <t>横浜市立浦島丘中学校</t>
  </si>
  <si>
    <t>うらしまおか</t>
  </si>
  <si>
    <t>横浜市神奈川区白幡東町27-1</t>
  </si>
  <si>
    <t>（本校7校）</t>
  </si>
  <si>
    <t>横浜市立栗田谷中学校</t>
  </si>
  <si>
    <t>くりたや</t>
  </si>
  <si>
    <t>横浜市神奈川区栗田谷3-1</t>
  </si>
  <si>
    <t>横浜市立六角橋中学校</t>
  </si>
  <si>
    <t>ろっかくばし</t>
  </si>
  <si>
    <t>横浜市神奈川区六角橋5-33-1</t>
  </si>
  <si>
    <t>横浜市立神奈川中学校</t>
  </si>
  <si>
    <t>かながわ</t>
  </si>
  <si>
    <t>221-0004</t>
  </si>
  <si>
    <t>横浜市神奈川区西大口141</t>
  </si>
  <si>
    <t>横浜市立松本中学校</t>
  </si>
  <si>
    <t>まつもと</t>
  </si>
  <si>
    <t>横浜市神奈川区三ツ沢下町30-1</t>
  </si>
  <si>
    <t>横浜市立錦台中学校</t>
  </si>
  <si>
    <t>にしきだい</t>
  </si>
  <si>
    <t>横浜市神奈川区西寺尾3-10-1</t>
  </si>
  <si>
    <t>横浜市立菅田中学校</t>
  </si>
  <si>
    <t>すげた</t>
  </si>
  <si>
    <t>横浜市神奈川区菅田町2017</t>
  </si>
  <si>
    <t>西区</t>
  </si>
  <si>
    <t>横浜市立老松中学校</t>
  </si>
  <si>
    <t>おいまつ</t>
  </si>
  <si>
    <t>横浜市西区老松町27</t>
  </si>
  <si>
    <t>（本校4校）</t>
  </si>
  <si>
    <t>横浜市立岡野中学校</t>
  </si>
  <si>
    <t>おかの</t>
  </si>
  <si>
    <t>横浜市西区岡野2-14-1</t>
  </si>
  <si>
    <t>横浜市立西中学校</t>
  </si>
  <si>
    <t>にし</t>
  </si>
  <si>
    <t>横浜市西区西戸部町3-286</t>
  </si>
  <si>
    <t>横浜市立軽井沢中学校</t>
  </si>
  <si>
    <t>かるいさわ</t>
  </si>
  <si>
    <t>横浜市西区北軽井沢24</t>
  </si>
  <si>
    <t>中区</t>
  </si>
  <si>
    <t>横浜市立港中学校</t>
  </si>
  <si>
    <t>みなと</t>
  </si>
  <si>
    <t>横浜市中区山下町241</t>
  </si>
  <si>
    <t>横浜市中区羽衣町3-84</t>
  </si>
  <si>
    <t>横浜市立大鳥中学校</t>
  </si>
  <si>
    <t>おおとり</t>
  </si>
  <si>
    <t>横浜市中区本牧原22-1</t>
  </si>
  <si>
    <t>横浜市立仲尾台中学校</t>
  </si>
  <si>
    <t>なかおだい</t>
  </si>
  <si>
    <t>横浜市中区仲尾台23</t>
  </si>
  <si>
    <t>横浜市立本牧中学校</t>
  </si>
  <si>
    <t>ほんもく</t>
  </si>
  <si>
    <t>横浜市中区本牧和田32-1</t>
  </si>
  <si>
    <t>南区</t>
  </si>
  <si>
    <t>横浜市立共進中学校</t>
  </si>
  <si>
    <t>きょうしん</t>
  </si>
  <si>
    <t>横浜市南区東蒔田町1-5</t>
  </si>
  <si>
    <t>（本校8校）</t>
  </si>
  <si>
    <t>横浜市立平楽中学校</t>
  </si>
  <si>
    <t>へいらく</t>
  </si>
  <si>
    <t>横浜市南区平楽1</t>
  </si>
  <si>
    <t>横浜市立蒔田中学校</t>
  </si>
  <si>
    <t>まいた</t>
  </si>
  <si>
    <t>横浜市南区花之木町2-45</t>
  </si>
  <si>
    <t>横浜市立南中学校</t>
  </si>
  <si>
    <t>みなみ</t>
  </si>
  <si>
    <t>横浜市南区六ツ川1-14</t>
  </si>
  <si>
    <t>横浜市立南が丘中学校</t>
  </si>
  <si>
    <t>みなみがおか</t>
  </si>
  <si>
    <t>横浜市南区別所3-6-1</t>
  </si>
  <si>
    <t>横浜市立永田中学校</t>
  </si>
  <si>
    <t>ながた</t>
  </si>
  <si>
    <t>横浜市南区永田みなみ台7-1</t>
  </si>
  <si>
    <t>横浜市立六ツ川中学校</t>
  </si>
  <si>
    <t>むつかわ</t>
  </si>
  <si>
    <t>横浜市南区六ツ川3-81-11</t>
  </si>
  <si>
    <t>横浜市立藤の木中学校</t>
  </si>
  <si>
    <t>ふじのき</t>
  </si>
  <si>
    <t>横浜市南区大岡4-44-1</t>
  </si>
  <si>
    <t>港南区</t>
  </si>
  <si>
    <t>横浜市立港南中学校</t>
  </si>
  <si>
    <t>こうなん</t>
  </si>
  <si>
    <t>横浜市港南区港南中央通6-1</t>
  </si>
  <si>
    <t>（本校11校）</t>
  </si>
  <si>
    <t>横浜市立上永谷中学校</t>
  </si>
  <si>
    <t>かみながや</t>
  </si>
  <si>
    <t>横浜市港南区上永谷4-12-14</t>
  </si>
  <si>
    <t>横浜市立笹下中学校</t>
  </si>
  <si>
    <t>ささげ</t>
  </si>
  <si>
    <t>横浜市港南区港南5-8-1</t>
  </si>
  <si>
    <t>横浜市立港南台第一中学校</t>
  </si>
  <si>
    <t>こうなんだいだいいち</t>
  </si>
  <si>
    <t>横浜市港南区港南台6-6-1</t>
  </si>
  <si>
    <t>横浜市立芹が谷中学校</t>
  </si>
  <si>
    <t>せりがや</t>
  </si>
  <si>
    <t>横浜市港南区芹が谷2-7-1</t>
  </si>
  <si>
    <t>横浜市立日限山中学校</t>
  </si>
  <si>
    <t>ひぎりやま</t>
  </si>
  <si>
    <t>横浜市港南区日限山4-33-1</t>
  </si>
  <si>
    <t>横浜市立日野南中学校</t>
  </si>
  <si>
    <t>ひのみなみ</t>
  </si>
  <si>
    <t>横浜市港南区港南台4-37-1</t>
  </si>
  <si>
    <t>横浜市立丸山台中学校</t>
  </si>
  <si>
    <t>まるやまだい</t>
  </si>
  <si>
    <t>横浜市港南区丸山台4-1-1</t>
  </si>
  <si>
    <t>横浜市立東永谷中学校</t>
  </si>
  <si>
    <t>ひがしながや</t>
  </si>
  <si>
    <t>横浜市港南区東永谷2-14-7</t>
  </si>
  <si>
    <t>横浜市立南高等学校附属中学校</t>
  </si>
  <si>
    <t>みなみこうとうがっこうふぞく</t>
  </si>
  <si>
    <t>横浜市港南区東永谷2-1-1</t>
  </si>
  <si>
    <t>保土ケ谷区</t>
  </si>
  <si>
    <t>横浜市立岩崎中学校</t>
  </si>
  <si>
    <t>いわさき</t>
  </si>
  <si>
    <t>横浜市保土ケ谷区桜ケ丘2-6-1</t>
  </si>
  <si>
    <t>（本校8校</t>
  </si>
  <si>
    <t>横浜市立保土ケ谷中学校</t>
  </si>
  <si>
    <t>ほどがや</t>
  </si>
  <si>
    <t>横浜市保土ケ谷区釜台町3-1</t>
  </si>
  <si>
    <t>横浜市立宮田中学校</t>
  </si>
  <si>
    <t>みやた</t>
  </si>
  <si>
    <t>横浜市保土ケ谷区宮田町1-100</t>
  </si>
  <si>
    <t>横浜市立岩井原中学校</t>
  </si>
  <si>
    <t>いわいはら</t>
  </si>
  <si>
    <t>横浜市保土ケ谷区岩井町308</t>
  </si>
  <si>
    <t>横浜市立西谷中学校</t>
  </si>
  <si>
    <t>にしや</t>
  </si>
  <si>
    <t>横浜市保土ケ谷区川島町1208</t>
  </si>
  <si>
    <t>横浜市立上菅田中学校</t>
  </si>
  <si>
    <t>かみすげた</t>
  </si>
  <si>
    <t>横浜市保土ケ谷区上菅田町780</t>
  </si>
  <si>
    <t>横浜市立新井中学校</t>
  </si>
  <si>
    <t>横浜市保土ケ谷区新井町43-7</t>
  </si>
  <si>
    <t>〃桜坂分校</t>
  </si>
  <si>
    <t>横浜市保土ケ谷区新井町580</t>
  </si>
  <si>
    <t>横浜市立橘中学校</t>
  </si>
  <si>
    <t>たちばな</t>
  </si>
  <si>
    <t>横浜市保土ケ谷区仏向町1167-2</t>
  </si>
  <si>
    <t>旭区</t>
  </si>
  <si>
    <t>横浜市立鶴ケ峯中学校</t>
  </si>
  <si>
    <t>つるがみね</t>
  </si>
  <si>
    <t>横浜市旭区鶴ケ峰本町3-28-1</t>
  </si>
  <si>
    <t>横浜市立万騎が原中学校</t>
  </si>
  <si>
    <t>まきがはら</t>
  </si>
  <si>
    <t>横浜市旭区万騎が原31</t>
  </si>
  <si>
    <t>横浜市立希望が丘中学校</t>
  </si>
  <si>
    <t>きぼうがおか</t>
  </si>
  <si>
    <t>横浜市旭区東希望が丘118</t>
  </si>
  <si>
    <t>横浜市立左近山中学校</t>
  </si>
  <si>
    <t>さこんやま</t>
  </si>
  <si>
    <t>横浜市旭区左近山1335-2</t>
  </si>
  <si>
    <t>横浜市立都岡中学校</t>
  </si>
  <si>
    <t>つおか</t>
  </si>
  <si>
    <t>横浜市旭区川井宿町32-2</t>
  </si>
  <si>
    <t>横浜市立旭中学校</t>
  </si>
  <si>
    <t>あさひ</t>
  </si>
  <si>
    <t>横浜市旭区今宿2-40-1</t>
  </si>
  <si>
    <t>横浜市立南希望が丘中学校</t>
  </si>
  <si>
    <t>みなみきぼうがおか</t>
  </si>
  <si>
    <t>横浜市旭区南希望が丘108-8</t>
  </si>
  <si>
    <t>横浜市立今宿中学校</t>
  </si>
  <si>
    <t>いまじゅく</t>
  </si>
  <si>
    <t>横浜市旭区今宿東町825</t>
  </si>
  <si>
    <t>横浜市立本宿中学校</t>
  </si>
  <si>
    <t>ほんじゅく</t>
  </si>
  <si>
    <t>横浜市旭区川島町1979</t>
  </si>
  <si>
    <t>横浜市立若葉台中学校</t>
  </si>
  <si>
    <t>わかばだい</t>
  </si>
  <si>
    <t>横浜市旭区若葉台1-13-1</t>
  </si>
  <si>
    <t>磯子区</t>
  </si>
  <si>
    <t>横浜市立根岸中学校</t>
  </si>
  <si>
    <t>ねぎし</t>
  </si>
  <si>
    <t>横浜市磯子区西町17-13</t>
  </si>
  <si>
    <t>横浜市立浜中学校</t>
  </si>
  <si>
    <t>はま</t>
  </si>
  <si>
    <t>横浜市磯子区杉田3-30-11</t>
  </si>
  <si>
    <t>横浜市立岡村中学校</t>
  </si>
  <si>
    <t>おかむら</t>
  </si>
  <si>
    <t>横浜市磯子区岡村1-14-1</t>
  </si>
  <si>
    <t>横浜市立汐見台中学校</t>
  </si>
  <si>
    <t>しおみだい</t>
  </si>
  <si>
    <t>横浜市磯子区汐見台1-2-1</t>
  </si>
  <si>
    <t>横浜市立洋光台第一中学校</t>
  </si>
  <si>
    <t>ようこうだいだいいち</t>
  </si>
  <si>
    <t>横浜市磯子区洋光台2-5-1</t>
  </si>
  <si>
    <t>横浜市立洋光台第二中学校</t>
  </si>
  <si>
    <t>ようこうだいだいに</t>
  </si>
  <si>
    <t>横浜市磯子区洋光台6-41-1</t>
  </si>
  <si>
    <t>横浜市立森中学校</t>
  </si>
  <si>
    <t>もり</t>
  </si>
  <si>
    <t>横浜市磯子区森5-22-1</t>
  </si>
  <si>
    <t>金沢区</t>
  </si>
  <si>
    <t>横浜市立金沢中学校</t>
  </si>
  <si>
    <t>かなざわ</t>
  </si>
  <si>
    <t>横浜市金沢区釜利谷東1-1-1</t>
  </si>
  <si>
    <t>横浜市立六浦中学校</t>
  </si>
  <si>
    <t>むつうら</t>
  </si>
  <si>
    <t>横浜市金沢区六浦1-24-4</t>
  </si>
  <si>
    <t>横浜市立大道中学校</t>
  </si>
  <si>
    <t>だいどう</t>
  </si>
  <si>
    <t>横浜市金沢区大道1-85-1</t>
  </si>
  <si>
    <t>横浜市立西柴中学校</t>
  </si>
  <si>
    <t>にししば</t>
  </si>
  <si>
    <t>横浜市金沢区西柴1-23-1</t>
  </si>
  <si>
    <t>横浜市立富岡中学校</t>
  </si>
  <si>
    <t>とみおか</t>
  </si>
  <si>
    <t>横浜市金沢区富岡西5-46-1</t>
  </si>
  <si>
    <t>横浜市立富岡東中学校</t>
  </si>
  <si>
    <t>とみおかひがし</t>
  </si>
  <si>
    <t>横浜市金沢区並木1-6-1</t>
  </si>
  <si>
    <t>横浜市立並木中学校</t>
  </si>
  <si>
    <t>なみき</t>
  </si>
  <si>
    <t>横浜市金沢区並木3-4-1</t>
  </si>
  <si>
    <t>横浜市立釜利谷中学校</t>
  </si>
  <si>
    <t>かまりや</t>
  </si>
  <si>
    <t>横浜市金沢区釜利谷南3-5-1</t>
  </si>
  <si>
    <t>横浜市立小田中学校</t>
  </si>
  <si>
    <t>こだ</t>
  </si>
  <si>
    <t>横浜市金沢区富岡西1-73-1</t>
  </si>
  <si>
    <t>港北区</t>
  </si>
  <si>
    <t>横浜市立城郷中学校</t>
  </si>
  <si>
    <t>しろさと</t>
  </si>
  <si>
    <t>横浜市港北区小机町325</t>
  </si>
  <si>
    <t>横浜市立新田中学校</t>
  </si>
  <si>
    <t>にった</t>
  </si>
  <si>
    <t>223-0058</t>
  </si>
  <si>
    <t>横浜市港北区新吉田東5-25-1</t>
  </si>
  <si>
    <t>横浜市立日吉台中学校</t>
  </si>
  <si>
    <t>ひよしだい</t>
  </si>
  <si>
    <t>横浜市港北区日吉本町4-9-1</t>
  </si>
  <si>
    <t>横浜市立大綱中学校</t>
  </si>
  <si>
    <t>おおつな</t>
  </si>
  <si>
    <t>222-0037</t>
  </si>
  <si>
    <t>横浜市港北区大倉山3-40-1</t>
  </si>
  <si>
    <t>横浜市立篠原中学校</t>
  </si>
  <si>
    <t>しのはら</t>
  </si>
  <si>
    <t>横浜市港北区篠原町1342-3</t>
  </si>
  <si>
    <t>横浜市立樽町中学校</t>
  </si>
  <si>
    <t>たるまち</t>
  </si>
  <si>
    <t>横浜市港北区樽町4-15-1</t>
  </si>
  <si>
    <t>横浜市立日吉台西中学校</t>
  </si>
  <si>
    <t>ひよしだいにし</t>
  </si>
  <si>
    <t>横浜市港北区日吉本町5-44-1</t>
  </si>
  <si>
    <t>横浜市立新羽中学校</t>
  </si>
  <si>
    <t>にっぱ</t>
  </si>
  <si>
    <t>横浜市港北区新羽町1434-4</t>
  </si>
  <si>
    <t>横浜市立高田中学校</t>
  </si>
  <si>
    <t>たかた</t>
  </si>
  <si>
    <t>横浜市港北区高田町2439</t>
  </si>
  <si>
    <t>緑区</t>
  </si>
  <si>
    <t>横浜市立田奈中学校</t>
  </si>
  <si>
    <t>たな</t>
  </si>
  <si>
    <t>横浜市緑区長津田2-24-1</t>
  </si>
  <si>
    <t>横浜市立中山中学校</t>
  </si>
  <si>
    <t>なかやま</t>
  </si>
  <si>
    <t>横浜市緑区寺山町653-21</t>
  </si>
  <si>
    <t>横浜市立十日市場中学校</t>
  </si>
  <si>
    <t>とおかいちば</t>
  </si>
  <si>
    <t>横浜市緑区十日市場町1501-42</t>
  </si>
  <si>
    <t>横浜市立鴨居中学校</t>
  </si>
  <si>
    <t>かもい</t>
  </si>
  <si>
    <t>横浜市緑区鴨居5-12-35</t>
  </si>
  <si>
    <t>横浜市立東鴨居中学校</t>
  </si>
  <si>
    <t>ひがしかもい</t>
  </si>
  <si>
    <t>横浜市緑区鴨居3-39-1</t>
  </si>
  <si>
    <t>青葉区</t>
  </si>
  <si>
    <t>横浜市立山内中学校</t>
  </si>
  <si>
    <t>やまうち</t>
  </si>
  <si>
    <t>（本校13校）</t>
  </si>
  <si>
    <t>横浜市立谷本中学校</t>
  </si>
  <si>
    <t>やもと</t>
  </si>
  <si>
    <t>横浜市立青葉台中学校</t>
  </si>
  <si>
    <t>あおばだい</t>
  </si>
  <si>
    <t>横浜市立みたけ台中学校</t>
  </si>
  <si>
    <t>みたけだい</t>
  </si>
  <si>
    <t>横浜市立美しが丘中学校</t>
  </si>
  <si>
    <t>うつくしがおか</t>
  </si>
  <si>
    <t>横浜市立すすき野中学校</t>
  </si>
  <si>
    <t>すすきの</t>
  </si>
  <si>
    <t>横浜市立奈良中学校</t>
  </si>
  <si>
    <t>なら</t>
  </si>
  <si>
    <t>横浜市立緑が丘中学校</t>
  </si>
  <si>
    <t>みどりがおか</t>
  </si>
  <si>
    <t>横浜市立もえぎ野中学校</t>
  </si>
  <si>
    <t>もえぎの</t>
  </si>
  <si>
    <t>横浜市立あざみ野中学校</t>
  </si>
  <si>
    <t>あざみの</t>
  </si>
  <si>
    <t>横浜市立鴨志田中学校</t>
  </si>
  <si>
    <t>かもしだ</t>
  </si>
  <si>
    <t>横浜市立市ケ尾中学校</t>
  </si>
  <si>
    <t>いちがお</t>
  </si>
  <si>
    <t>横浜市青葉区市ケ尾町531-1</t>
  </si>
  <si>
    <t>横浜市立あかね台中学校</t>
  </si>
  <si>
    <t>あかねだい</t>
  </si>
  <si>
    <t>227-0066</t>
  </si>
  <si>
    <t>横浜市青葉区あかね台2-8-2</t>
  </si>
  <si>
    <t>都筑区</t>
  </si>
  <si>
    <t>横浜市立都田中学校</t>
  </si>
  <si>
    <t>つだ</t>
  </si>
  <si>
    <t>横浜市立中川中学校</t>
  </si>
  <si>
    <t>なかがわ</t>
  </si>
  <si>
    <t>横浜市立川和中学校</t>
  </si>
  <si>
    <t>かわわ</t>
  </si>
  <si>
    <t>横浜市立茅ケ崎中学校</t>
  </si>
  <si>
    <t>ちがさき</t>
  </si>
  <si>
    <t>横浜市都筑区茅ケ崎南1-10-1</t>
  </si>
  <si>
    <t>横浜市立荏田南中学校</t>
  </si>
  <si>
    <t>えだみなみ</t>
  </si>
  <si>
    <t>横浜市立中川西中学校</t>
  </si>
  <si>
    <t>なかがわにし</t>
  </si>
  <si>
    <t>横浜市立東山田中学校</t>
  </si>
  <si>
    <t>ひがしやまた</t>
  </si>
  <si>
    <t>224-0023</t>
  </si>
  <si>
    <t>横浜市都筑区東山田2-9-1</t>
  </si>
  <si>
    <t>横浜市立早渕中学校</t>
  </si>
  <si>
    <t>はやぶち</t>
  </si>
  <si>
    <t>224-0025</t>
  </si>
  <si>
    <t>横浜市都筑区早渕2-4-1</t>
  </si>
  <si>
    <t>戸塚区</t>
  </si>
  <si>
    <t>横浜市立大正中学校</t>
  </si>
  <si>
    <t>たいしょう</t>
  </si>
  <si>
    <t>横浜市立戸塚中学校</t>
  </si>
  <si>
    <t>とつか</t>
  </si>
  <si>
    <t>横浜市立舞岡中学校</t>
  </si>
  <si>
    <t>まいおか</t>
  </si>
  <si>
    <t>横浜市立境木中学校</t>
  </si>
  <si>
    <t>さかいぎ</t>
  </si>
  <si>
    <t>横浜市立豊田中学校</t>
  </si>
  <si>
    <t>とよだ</t>
  </si>
  <si>
    <t>横浜市立汲沢中学校</t>
  </si>
  <si>
    <t>ぐみさわ</t>
  </si>
  <si>
    <t>横浜市立名瀬中学校</t>
  </si>
  <si>
    <t>なせ</t>
  </si>
  <si>
    <t>横浜市立深谷中学校</t>
  </si>
  <si>
    <t>ふかや</t>
  </si>
  <si>
    <t>横浜市立秋葉中学校</t>
  </si>
  <si>
    <t>あきば</t>
  </si>
  <si>
    <t>横浜市立平戸中学校</t>
  </si>
  <si>
    <t>ひらど</t>
  </si>
  <si>
    <t>横浜市立南戸塚中学校</t>
  </si>
  <si>
    <t>みなみとつか</t>
  </si>
  <si>
    <t>栄区</t>
  </si>
  <si>
    <t>横浜市立本郷中学校</t>
  </si>
  <si>
    <t>ほんごう</t>
  </si>
  <si>
    <t>横浜市立上郷中学校</t>
  </si>
  <si>
    <t>かみごう</t>
  </si>
  <si>
    <t>横浜市立桂台中学校</t>
  </si>
  <si>
    <t>かつらだい</t>
  </si>
  <si>
    <t>横浜市立西本郷中学校</t>
  </si>
  <si>
    <t>にしほんごう</t>
  </si>
  <si>
    <t>横浜市立飯島中学校</t>
  </si>
  <si>
    <t>いいじま</t>
  </si>
  <si>
    <t>横浜市立小山台中学校</t>
  </si>
  <si>
    <t>こやまだい</t>
  </si>
  <si>
    <t>泉区</t>
  </si>
  <si>
    <t>横浜市立岡津中学校</t>
  </si>
  <si>
    <t>おかづ</t>
  </si>
  <si>
    <t>横浜市立中和田中学校</t>
  </si>
  <si>
    <t>なかわだ</t>
  </si>
  <si>
    <t>横浜市立泉が丘中学校</t>
  </si>
  <si>
    <t>いずみがおか</t>
  </si>
  <si>
    <t>横浜市立中田中学校</t>
  </si>
  <si>
    <t>なかだ</t>
  </si>
  <si>
    <t>横浜市立上飯田中学校</t>
  </si>
  <si>
    <t>かみいいだ</t>
  </si>
  <si>
    <t>横浜市立いずみ野中学校</t>
  </si>
  <si>
    <t>いずみの</t>
  </si>
  <si>
    <t>横浜市立領家中学校</t>
  </si>
  <si>
    <t>りょうけ</t>
  </si>
  <si>
    <t>瀬谷区</t>
  </si>
  <si>
    <t>横浜市立瀬谷中学校</t>
  </si>
  <si>
    <t>せや</t>
  </si>
  <si>
    <t>（本校5校）</t>
  </si>
  <si>
    <t>横浜市立原中学校</t>
  </si>
  <si>
    <t>はら</t>
  </si>
  <si>
    <t>246-0025</t>
  </si>
  <si>
    <t>横浜市立南瀬谷中学校</t>
  </si>
  <si>
    <t>みなみせや</t>
  </si>
  <si>
    <t>横浜市立東野中学校</t>
  </si>
  <si>
    <t>あずまの</t>
  </si>
  <si>
    <t>横浜市立下瀬谷中学校</t>
  </si>
  <si>
    <t>しもせや</t>
  </si>
  <si>
    <t>220-0073</t>
  </si>
  <si>
    <t>220-0046</t>
  </si>
  <si>
    <t>220-0001</t>
  </si>
  <si>
    <t>231-0023</t>
  </si>
  <si>
    <t>231-0047</t>
  </si>
  <si>
    <t>231-0821</t>
  </si>
  <si>
    <t>231-0839</t>
  </si>
  <si>
    <t>231-0827</t>
  </si>
  <si>
    <t>232-0045</t>
  </si>
  <si>
    <t>232-0035</t>
  </si>
  <si>
    <t>232-0018</t>
  </si>
  <si>
    <t>232-0066</t>
  </si>
  <si>
    <t>232-0064</t>
  </si>
  <si>
    <t>232-0075</t>
  </si>
  <si>
    <t>232-0061</t>
  </si>
  <si>
    <t>233-0004</t>
  </si>
  <si>
    <t>233-0012</t>
  </si>
  <si>
    <t>233-0003</t>
  </si>
  <si>
    <t>234-0054</t>
  </si>
  <si>
    <t>233-0006</t>
  </si>
  <si>
    <t>233-0015</t>
  </si>
  <si>
    <t>233-0013</t>
  </si>
  <si>
    <t>233-0011</t>
  </si>
  <si>
    <t>240-0011</t>
  </si>
  <si>
    <t>240-0066</t>
  </si>
  <si>
    <t>240-0002</t>
  </si>
  <si>
    <t>240-0023</t>
  </si>
  <si>
    <t>240-0045</t>
  </si>
  <si>
    <t>240-0051</t>
  </si>
  <si>
    <t>240-0053</t>
  </si>
  <si>
    <t>240-0044</t>
  </si>
  <si>
    <t>241-0021</t>
  </si>
  <si>
    <t>241-0836</t>
  </si>
  <si>
    <t>241-0826</t>
  </si>
  <si>
    <t>241-0831</t>
  </si>
  <si>
    <t>241-0804</t>
  </si>
  <si>
    <t>241-0817</t>
  </si>
  <si>
    <t>241-0824</t>
  </si>
  <si>
    <t>241-0032</t>
  </si>
  <si>
    <t>241-0011</t>
  </si>
  <si>
    <t>241-0801</t>
  </si>
  <si>
    <t>235-0007</t>
  </si>
  <si>
    <t>235-0033</t>
  </si>
  <si>
    <t>235-0021</t>
  </si>
  <si>
    <t>235-0022</t>
  </si>
  <si>
    <t>235-0045</t>
  </si>
  <si>
    <t>235-0023</t>
  </si>
  <si>
    <t>236-0042</t>
  </si>
  <si>
    <t>236-0031</t>
  </si>
  <si>
    <t>236-0035</t>
  </si>
  <si>
    <t>236-0017</t>
  </si>
  <si>
    <t>236-0052</t>
  </si>
  <si>
    <t>236-0005</t>
  </si>
  <si>
    <t>236-0045</t>
  </si>
  <si>
    <t>222-0036</t>
  </si>
  <si>
    <t>223-0062</t>
  </si>
  <si>
    <t>222-0026</t>
  </si>
  <si>
    <t>222-0001</t>
  </si>
  <si>
    <t>223-0057</t>
  </si>
  <si>
    <t>223-0063</t>
  </si>
  <si>
    <t>226-0027</t>
  </si>
  <si>
    <t>226-0013</t>
  </si>
  <si>
    <t>226-0025</t>
  </si>
  <si>
    <t>226-0003</t>
  </si>
  <si>
    <t>225-0002</t>
  </si>
  <si>
    <t>横浜市青葉区美しが丘5-4</t>
  </si>
  <si>
    <t>227-0052</t>
  </si>
  <si>
    <t>横浜市青葉区梅が丘5</t>
  </si>
  <si>
    <t>227-0062</t>
  </si>
  <si>
    <t>横浜市青葉区青葉台2-25-2</t>
  </si>
  <si>
    <t>227-0047</t>
  </si>
  <si>
    <t>横浜市青葉区みたけ台30</t>
  </si>
  <si>
    <t>横浜市青葉区美しが丘3-41-1</t>
  </si>
  <si>
    <t>225-0021</t>
  </si>
  <si>
    <t>横浜市青葉区すすき野3-4-3</t>
  </si>
  <si>
    <t>227-0035</t>
  </si>
  <si>
    <t>横浜市青葉区すみよし台36-3</t>
  </si>
  <si>
    <t>227-0051</t>
  </si>
  <si>
    <t>横浜市青葉区千草台50-1</t>
  </si>
  <si>
    <t>227-0044</t>
  </si>
  <si>
    <t>横浜市青葉区もえぎ野4-1</t>
  </si>
  <si>
    <t>225-0011</t>
  </si>
  <si>
    <t>横浜市青葉区あざみ野1-29-1</t>
  </si>
  <si>
    <t>227-0033</t>
  </si>
  <si>
    <t>横浜市青葉区鴨志田町536</t>
  </si>
  <si>
    <t>225-0024</t>
  </si>
  <si>
    <t>224-0053</t>
  </si>
  <si>
    <t>横浜市都筑区池辺町2818</t>
  </si>
  <si>
    <t>224-0027</t>
  </si>
  <si>
    <t>横浜市都筑区大棚町240</t>
  </si>
  <si>
    <t>224-0051</t>
  </si>
  <si>
    <t>横浜市都筑区富士見が丘21-1</t>
  </si>
  <si>
    <t>224-0037</t>
  </si>
  <si>
    <t>224-0007</t>
  </si>
  <si>
    <t>横浜市都筑区荏田南2-5-1</t>
  </si>
  <si>
    <t>224-0001</t>
  </si>
  <si>
    <t>横浜市都筑区中川2-1-1</t>
  </si>
  <si>
    <t>245-0063</t>
  </si>
  <si>
    <t>横浜市戸塚区原宿4-12-1</t>
  </si>
  <si>
    <t>244-0003</t>
  </si>
  <si>
    <t>横浜市戸塚区戸塚町4542</t>
  </si>
  <si>
    <t>244-0813</t>
  </si>
  <si>
    <t>横浜市戸塚区舞岡町226</t>
  </si>
  <si>
    <t>244-0802</t>
  </si>
  <si>
    <t>横浜市戸塚区平戸3-48-2</t>
  </si>
  <si>
    <t>244-0815</t>
  </si>
  <si>
    <t>横浜市戸塚区下倉田町950</t>
  </si>
  <si>
    <t>245-0062</t>
  </si>
  <si>
    <t>横浜市戸塚区汲沢町550-2</t>
  </si>
  <si>
    <t>245-0051</t>
  </si>
  <si>
    <t>横浜市戸塚区名瀬町791-6</t>
  </si>
  <si>
    <t>245-0067</t>
  </si>
  <si>
    <t>横浜市戸塚区深谷町1071</t>
  </si>
  <si>
    <t>245-0052</t>
  </si>
  <si>
    <t>横浜市戸塚区秋葉町271-3</t>
  </si>
  <si>
    <t>244-0803</t>
  </si>
  <si>
    <t>横浜市戸塚区平戸町993-4</t>
  </si>
  <si>
    <t>横浜市戸塚区戸塚町1842-1</t>
  </si>
  <si>
    <t>247-0005</t>
  </si>
  <si>
    <t>横浜市栄区桂町84-14</t>
  </si>
  <si>
    <t>247-0026</t>
  </si>
  <si>
    <t>横浜市栄区犬山町6-2</t>
  </si>
  <si>
    <t>247-0034</t>
  </si>
  <si>
    <t>横浜市栄区桂台中5-1</t>
  </si>
  <si>
    <t>247-0007</t>
  </si>
  <si>
    <t>244-0842</t>
  </si>
  <si>
    <t>横浜市栄区飯島町746-1</t>
  </si>
  <si>
    <t>247-0002</t>
  </si>
  <si>
    <t>横浜市栄区小山台1-14-1</t>
  </si>
  <si>
    <t>245-0003</t>
  </si>
  <si>
    <t>横浜市泉区岡津町2346</t>
  </si>
  <si>
    <t>245-0016</t>
  </si>
  <si>
    <t>245-0012</t>
  </si>
  <si>
    <t>横浜市泉区中田北2-20-1</t>
  </si>
  <si>
    <t>245-0018</t>
  </si>
  <si>
    <t>横浜市泉区上飯田町2254</t>
  </si>
  <si>
    <t>横浜市泉区和泉町6201</t>
  </si>
  <si>
    <t>245-0004</t>
  </si>
  <si>
    <t>横浜市泉区領家4-3-1</t>
  </si>
  <si>
    <t>246-0014</t>
  </si>
  <si>
    <t>横浜市瀬谷区中央5-41</t>
  </si>
  <si>
    <t>横浜市瀬谷区阿久和西2-1-6</t>
  </si>
  <si>
    <t>246-0032</t>
  </si>
  <si>
    <t>横浜市瀬谷区南台2-2-8</t>
  </si>
  <si>
    <t>246-0012</t>
  </si>
  <si>
    <t>横浜市瀬谷区東野130</t>
  </si>
  <si>
    <t>246-0035</t>
  </si>
  <si>
    <t>横浜市瀬谷区下瀬谷2-16-7</t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230-0024</t>
  </si>
  <si>
    <t>230-0037</t>
  </si>
  <si>
    <t>230-0012</t>
  </si>
  <si>
    <t>230-0051</t>
  </si>
  <si>
    <t>230-0074</t>
  </si>
  <si>
    <t>230-0078</t>
  </si>
  <si>
    <t>230-0034</t>
  </si>
  <si>
    <t>230-0001</t>
  </si>
  <si>
    <t>230-0075</t>
  </si>
  <si>
    <t>221-0072</t>
  </si>
  <si>
    <t>221-0804</t>
  </si>
  <si>
    <t>221-0802</t>
  </si>
  <si>
    <t>221-0852</t>
  </si>
  <si>
    <t>221-0001</t>
  </si>
  <si>
    <t>221-0864</t>
  </si>
  <si>
    <t>220-0032</t>
  </si>
  <si>
    <t>横浜市立横浜吉田中学校</t>
  </si>
  <si>
    <t>よこはまよしだ</t>
  </si>
  <si>
    <t>よみがな</t>
    <phoneticPr fontId="1"/>
  </si>
  <si>
    <t>(045)501-4125</t>
  </si>
  <si>
    <t>(045)521-3535</t>
  </si>
  <si>
    <t>(045)581-0813</t>
  </si>
  <si>
    <t>(045)501-2397</t>
  </si>
  <si>
    <t>(045)571-4102</t>
  </si>
  <si>
    <t>(045)581-3255</t>
  </si>
  <si>
    <t>(045)511-0666</t>
  </si>
  <si>
    <t>(045)581-4131</t>
  </si>
  <si>
    <t>(045)582-8801</t>
  </si>
  <si>
    <t>(045)421-6281</t>
  </si>
  <si>
    <t>(045)481-3767</t>
  </si>
  <si>
    <t>(045)481-3521</t>
  </si>
  <si>
    <t>(045)431-4770</t>
  </si>
  <si>
    <t>(045)323-2580</t>
  </si>
  <si>
    <t>(045)401-3644</t>
  </si>
  <si>
    <t>(045)472-2338</t>
  </si>
  <si>
    <t>(045)241-5120</t>
  </si>
  <si>
    <t>(045)311-3210</t>
  </si>
  <si>
    <t>(045)231-0153</t>
  </si>
  <si>
    <t>(045)311-2523</t>
  </si>
  <si>
    <t>(045)681-3618</t>
  </si>
  <si>
    <t>(045)621-4500</t>
  </si>
  <si>
    <t>(045)621-9600</t>
  </si>
  <si>
    <t>(045)623-7094</t>
  </si>
  <si>
    <t>(045)261-0905</t>
  </si>
  <si>
    <t>(045)711-5091</t>
  </si>
  <si>
    <t>(045)261-4213</t>
  </si>
  <si>
    <t>(045)711-2231</t>
  </si>
  <si>
    <t>(045)712-9800</t>
  </si>
  <si>
    <t>(045)711-1101</t>
  </si>
  <si>
    <t>(045)715-5511</t>
  </si>
  <si>
    <t>(045)715-3075</t>
  </si>
  <si>
    <t>(045)714-2817</t>
  </si>
  <si>
    <t>(045)842-2355</t>
  </si>
  <si>
    <t>(045)842-3939</t>
  </si>
  <si>
    <t>(045)841-1333</t>
  </si>
  <si>
    <t>(045)832-0020</t>
  </si>
  <si>
    <t>(045)823-7551</t>
  </si>
  <si>
    <t>(045)841-1158</t>
  </si>
  <si>
    <t>(045)832-4726</t>
  </si>
  <si>
    <t>(045)843-1950</t>
  </si>
  <si>
    <t>(045)823-9901</t>
  </si>
  <si>
    <t>(045)822-9300</t>
  </si>
  <si>
    <t>(045)331-3663</t>
  </si>
  <si>
    <t>(045)331-8521</t>
  </si>
  <si>
    <t>(045)331-5288</t>
  </si>
  <si>
    <t>(045)731-5880</t>
  </si>
  <si>
    <t>(045)373-5511</t>
  </si>
  <si>
    <t>(045)381-7161</t>
  </si>
  <si>
    <t>(045)382-1477</t>
  </si>
  <si>
    <t>(045)381-3029</t>
  </si>
  <si>
    <t>(045)335-5991</t>
  </si>
  <si>
    <t>(045)951-2327</t>
  </si>
  <si>
    <t>(045)391-5514</t>
  </si>
  <si>
    <t>(045)391-0378</t>
  </si>
  <si>
    <t>(045)351-7712</t>
  </si>
  <si>
    <t>(045)953-2301</t>
  </si>
  <si>
    <t>(045)364-5112</t>
  </si>
  <si>
    <t>(045)364-5171</t>
  </si>
  <si>
    <t>(045)953-0001</t>
  </si>
  <si>
    <t>(045)373-0529</t>
  </si>
  <si>
    <t>(045)921-1060</t>
  </si>
  <si>
    <t>(045)751-2184</t>
  </si>
  <si>
    <t>(045)771-4545</t>
  </si>
  <si>
    <t>(045)751-3140</t>
  </si>
  <si>
    <t>(045)752-3551</t>
  </si>
  <si>
    <t>(045)833-1270</t>
  </si>
  <si>
    <t>(045)833-3175</t>
  </si>
  <si>
    <t>(045)761-2321</t>
  </si>
  <si>
    <t>(045)781-2412</t>
  </si>
  <si>
    <t>(045)701-7658</t>
  </si>
  <si>
    <t>(045)781-2457</t>
  </si>
  <si>
    <t>(045)781-2448</t>
  </si>
  <si>
    <t>(045)773-1218</t>
  </si>
  <si>
    <t>(045)771-0716</t>
  </si>
  <si>
    <t>(045)783-5805</t>
  </si>
  <si>
    <t>(045)784-7311</t>
  </si>
  <si>
    <t>(045)775-3801</t>
  </si>
  <si>
    <t>(045)471-8416</t>
  </si>
  <si>
    <t>(045)542-0324</t>
  </si>
  <si>
    <t>(045)561-2183</t>
  </si>
  <si>
    <t>(045)542-4422</t>
  </si>
  <si>
    <t>(045)433-2402</t>
  </si>
  <si>
    <t>(045)542-8776</t>
  </si>
  <si>
    <t>(045)563-3997</t>
  </si>
  <si>
    <t>(045)542-1680</t>
  </si>
  <si>
    <t>(045)591-4183</t>
  </si>
  <si>
    <t>(045)981-3101</t>
  </si>
  <si>
    <t>(045)931-2108</t>
  </si>
  <si>
    <t>(045)981-0360</t>
  </si>
  <si>
    <t>(045)934-3871</t>
  </si>
  <si>
    <t>(045)931-7398</t>
  </si>
  <si>
    <t>(045)901-0030</t>
  </si>
  <si>
    <t>(045)973-7108</t>
  </si>
  <si>
    <t>(045)971-6431</t>
  </si>
  <si>
    <t>(045)901-9649</t>
  </si>
  <si>
    <t>(045)901-5896</t>
  </si>
  <si>
    <t>(045)962-2753</t>
  </si>
  <si>
    <t>(045)973-5316</t>
  </si>
  <si>
    <t>(045)971-7855</t>
  </si>
  <si>
    <t>(045)902-4836</t>
  </si>
  <si>
    <t>(045)961-3771</t>
  </si>
  <si>
    <t>(045)973-3400</t>
  </si>
  <si>
    <t>(045)985-5010</t>
  </si>
  <si>
    <t>(045)941-2045</t>
  </si>
  <si>
    <t>(045)592-3701</t>
  </si>
  <si>
    <t>(045)941-1361</t>
  </si>
  <si>
    <t>(045)941-0601</t>
  </si>
  <si>
    <t>(045)942-0960</t>
  </si>
  <si>
    <t>(045)912-1270</t>
  </si>
  <si>
    <t>(045)594-5107</t>
  </si>
  <si>
    <t>(045)593-8841</t>
  </si>
  <si>
    <t>(045)851-3017</t>
  </si>
  <si>
    <t>(045)864-1531</t>
  </si>
  <si>
    <t>(045)822-2722</t>
  </si>
  <si>
    <t>(045)822-8626</t>
  </si>
  <si>
    <t>(045)864-8640</t>
  </si>
  <si>
    <t>(045)861-5303</t>
  </si>
  <si>
    <t>(045)812-1601</t>
  </si>
  <si>
    <t>(045)852-2888</t>
  </si>
  <si>
    <t>(045)811-6773</t>
  </si>
  <si>
    <t>(045)823-8272</t>
  </si>
  <si>
    <t>(045)871-7611</t>
  </si>
  <si>
    <t>(045)892-2155</t>
  </si>
  <si>
    <t>(045)892-2478</t>
  </si>
  <si>
    <t>(045)891-2149</t>
  </si>
  <si>
    <t>(045)892-1911</t>
  </si>
  <si>
    <t>(045)894-2901</t>
  </si>
  <si>
    <t>(045)892-7512</t>
  </si>
  <si>
    <t>(045)802-1301</t>
  </si>
  <si>
    <t>(045)802-8797</t>
  </si>
  <si>
    <t>(045)803-3771</t>
  </si>
  <si>
    <t>(045)804-0444</t>
  </si>
  <si>
    <t>(045)804-6540</t>
  </si>
  <si>
    <t>(045)811-6641</t>
  </si>
  <si>
    <t>(045)301-0096</t>
  </si>
  <si>
    <t>(045)391-0461</t>
  </si>
  <si>
    <t>(045)301-5131</t>
  </si>
  <si>
    <t>(045)302-1116</t>
  </si>
  <si>
    <t>(045)301-4508</t>
  </si>
  <si>
    <t>(045)507-0074</t>
  </si>
  <si>
    <t>(045)507-0079</t>
  </si>
  <si>
    <t>(045)585-9497</t>
  </si>
  <si>
    <t>(045)507-0083</t>
  </si>
  <si>
    <t>(045)585-9499</t>
  </si>
  <si>
    <t>(045)585-9904</t>
  </si>
  <si>
    <t>(045)507-0084</t>
  </si>
  <si>
    <t>(045)585-9906</t>
  </si>
  <si>
    <t>(045)585-9914</t>
  </si>
  <si>
    <t>(045)431-2461</t>
  </si>
  <si>
    <t>(045)481-4373</t>
  </si>
  <si>
    <t>(045)481-2997</t>
  </si>
  <si>
    <t>(045)431-4373</t>
  </si>
  <si>
    <t>(045)320-1034</t>
  </si>
  <si>
    <t>(045)431-0244</t>
  </si>
  <si>
    <t>(045)472-3351</t>
  </si>
  <si>
    <t>(045)253-7068</t>
  </si>
  <si>
    <t>(045)311-9968</t>
  </si>
  <si>
    <t>(045)253-7073</t>
  </si>
  <si>
    <t>(045)312-4849</t>
  </si>
  <si>
    <t>(045)663-2549</t>
  </si>
  <si>
    <t>(045)622-7549</t>
  </si>
  <si>
    <t>(045)622-8654</t>
  </si>
  <si>
    <t>(045)623-0129</t>
  </si>
  <si>
    <t>(045)253-7085</t>
  </si>
  <si>
    <t>(045)713-9794</t>
  </si>
  <si>
    <t>(045)252-3692</t>
  </si>
  <si>
    <t>(045)713-9743</t>
  </si>
  <si>
    <t>(045)713-9729</t>
  </si>
  <si>
    <t>(045)713-9742</t>
  </si>
  <si>
    <t>(045)713-8492</t>
  </si>
  <si>
    <t>(045)713-8149</t>
  </si>
  <si>
    <t>(045)713-7994</t>
  </si>
  <si>
    <t>(045)848-2694</t>
  </si>
  <si>
    <t>(045)847-3496</t>
  </si>
  <si>
    <t>(045)847-3098</t>
  </si>
  <si>
    <t>(045)835-2096</t>
  </si>
  <si>
    <t>(045)826-3010</t>
  </si>
  <si>
    <t>(045)847-1229</t>
  </si>
  <si>
    <t>(045)835-2042</t>
  </si>
  <si>
    <t>(045)847-0862</t>
  </si>
  <si>
    <t>(045)826-3113</t>
  </si>
  <si>
    <t>(045)822-2876</t>
  </si>
  <si>
    <t>(045)331-5593</t>
  </si>
  <si>
    <t>(045)331-5612</t>
  </si>
  <si>
    <t>(045)331-5718</t>
  </si>
  <si>
    <t>(045)713-4022</t>
  </si>
  <si>
    <t>(045)381-7412</t>
  </si>
  <si>
    <t>(045)381-7424</t>
  </si>
  <si>
    <t>(045)381-7429</t>
  </si>
  <si>
    <t>(045)331-5725</t>
  </si>
  <si>
    <t>(045)951-1321</t>
  </si>
  <si>
    <t>(045)391-5537</t>
  </si>
  <si>
    <t>(045)391-0377</t>
  </si>
  <si>
    <t>(045)351-7049</t>
  </si>
  <si>
    <t>(045)951-1338</t>
  </si>
  <si>
    <t>(045)364-5117</t>
  </si>
  <si>
    <t>(045)364-5183</t>
  </si>
  <si>
    <t>(045)951-1346</t>
  </si>
  <si>
    <t>(045)381-7434</t>
  </si>
  <si>
    <t>(045)922-5961</t>
  </si>
  <si>
    <t>(045)754-6494</t>
  </si>
  <si>
    <t>(045)773-9427</t>
  </si>
  <si>
    <t>(045)754-6579</t>
  </si>
  <si>
    <t>(045)754-6593</t>
  </si>
  <si>
    <t>(045)835-0491</t>
  </si>
  <si>
    <t>(045)835-0409</t>
  </si>
  <si>
    <t>(045)754-6719</t>
  </si>
  <si>
    <t>(045)783-9689</t>
  </si>
  <si>
    <t>(045)783-9709</t>
  </si>
  <si>
    <t>(045)783-9719</t>
  </si>
  <si>
    <t>(045)783-9738</t>
  </si>
  <si>
    <t>(045)773-9429</t>
  </si>
  <si>
    <t>(045)773-9439</t>
  </si>
  <si>
    <t>(045)783-9756</t>
  </si>
  <si>
    <t>(045)783-9762</t>
  </si>
  <si>
    <t>(045)773-9487</t>
  </si>
  <si>
    <t>(045)471-2880</t>
  </si>
  <si>
    <t>(045)542-2940</t>
  </si>
  <si>
    <t>(045)561-9054</t>
  </si>
  <si>
    <t>(045)541-3440</t>
  </si>
  <si>
    <t>(045)431-2444</t>
  </si>
  <si>
    <t>(045)541-5907</t>
  </si>
  <si>
    <t>(045)561-9096</t>
  </si>
  <si>
    <t>(045)541-1038</t>
  </si>
  <si>
    <t>(045)591-2194</t>
  </si>
  <si>
    <t>(045)983-6034</t>
  </si>
  <si>
    <t>(045)934-4676</t>
  </si>
  <si>
    <t>(045)983-6432</t>
  </si>
  <si>
    <t>(045)934-8739</t>
  </si>
  <si>
    <t>(045)934-9295</t>
  </si>
  <si>
    <t>(045)904-1529</t>
  </si>
  <si>
    <t>(045)973-9242</t>
  </si>
  <si>
    <t>(045)983-7103</t>
  </si>
  <si>
    <t>(045)972-9812</t>
  </si>
  <si>
    <t>(045)904-1623</t>
  </si>
  <si>
    <t>(045)904-2439</t>
  </si>
  <si>
    <t>(045)961-6017</t>
  </si>
  <si>
    <t>(045)974-4293</t>
  </si>
  <si>
    <t>(045)972-7427</t>
  </si>
  <si>
    <t>(045)904-4054</t>
  </si>
  <si>
    <t>(045)961-1495</t>
  </si>
  <si>
    <t>(045)973-1645</t>
  </si>
  <si>
    <t>(045)985-5015</t>
  </si>
  <si>
    <t>(045)942-9298</t>
  </si>
  <si>
    <t>(045)593-5942</t>
  </si>
  <si>
    <t>(045)942-9965</t>
  </si>
  <si>
    <t>(045)942-9216</t>
  </si>
  <si>
    <t>(045)942-8509</t>
  </si>
  <si>
    <t>(045)913-0126</t>
  </si>
  <si>
    <t>(045)590-3780</t>
  </si>
  <si>
    <t>(045)593-8824</t>
  </si>
  <si>
    <t>(045)854-2691</t>
  </si>
  <si>
    <t>(045)862-1903</t>
  </si>
  <si>
    <t>(045)826-3308</t>
  </si>
  <si>
    <t>(045)826-3826</t>
  </si>
  <si>
    <t>(045)861-8693</t>
  </si>
  <si>
    <t>(045)800-0970</t>
  </si>
  <si>
    <t>(045)813-0294</t>
  </si>
  <si>
    <t>(045)853-0905</t>
  </si>
  <si>
    <t>(045)813-9438</t>
  </si>
  <si>
    <t>(045)826-3991</t>
  </si>
  <si>
    <t>(045)853-2328</t>
  </si>
  <si>
    <t>(045)892-9241</t>
  </si>
  <si>
    <t>(045)892-2976</t>
  </si>
  <si>
    <t>(045)892-2695</t>
  </si>
  <si>
    <t>(045)893-9421</t>
  </si>
  <si>
    <t>(045)893-9034</t>
  </si>
  <si>
    <t>(045)893-4638</t>
  </si>
  <si>
    <t>(045)812-9104</t>
  </si>
  <si>
    <t>(045)805-4403</t>
  </si>
  <si>
    <t>(045)805-4685</t>
  </si>
  <si>
    <t>(045)805-4698</t>
  </si>
  <si>
    <t>(045)803-5649</t>
  </si>
  <si>
    <t>(045)803-5895</t>
  </si>
  <si>
    <t>(045)812-9645</t>
  </si>
  <si>
    <t>(045)301-0099</t>
  </si>
  <si>
    <t>(045)391-0471</t>
  </si>
  <si>
    <t>(045)301-5125</t>
  </si>
  <si>
    <t>(045)302-1115</t>
  </si>
  <si>
    <t>(045)301-4592</t>
  </si>
  <si>
    <t>（本校5校）</t>
    <phoneticPr fontId="1"/>
  </si>
  <si>
    <t>（本校6校）</t>
    <phoneticPr fontId="1"/>
  </si>
  <si>
    <t>横浜市泉区和泉が丘3-29-1</t>
    <rPh sb="8" eb="9">
      <t>オカ</t>
    </rPh>
    <phoneticPr fontId="1"/>
  </si>
  <si>
    <t>（本校5校）</t>
    <phoneticPr fontId="1"/>
  </si>
  <si>
    <t>（本校9校）</t>
    <phoneticPr fontId="1"/>
  </si>
  <si>
    <t>横浜市泉区和泉中央北2-5-1</t>
    <rPh sb="7" eb="9">
      <t>チュウオウ</t>
    </rPh>
    <rPh sb="9" eb="10">
      <t>キタ</t>
    </rPh>
    <phoneticPr fontId="1"/>
  </si>
  <si>
    <t>横浜市立横浜サイエンスフロンティア高等学校附属中学校</t>
    <phoneticPr fontId="1"/>
  </si>
  <si>
    <t>よこはまさいえんすふろんてぃあこうとうがっこうふぞく</t>
    <phoneticPr fontId="1"/>
  </si>
  <si>
    <t>230-0046</t>
    <phoneticPr fontId="1"/>
  </si>
  <si>
    <t>（本校10校）</t>
    <phoneticPr fontId="1"/>
  </si>
  <si>
    <t>あらい</t>
    <phoneticPr fontId="1"/>
  </si>
  <si>
    <t>中学校（横浜市）</t>
    <rPh sb="0" eb="3">
      <t>チュウガッコウ</t>
    </rPh>
    <rPh sb="4" eb="7">
      <t>ヨコハマシ</t>
    </rPh>
    <phoneticPr fontId="1"/>
  </si>
  <si>
    <t>(045)811-4214</t>
    <phoneticPr fontId="1"/>
  </si>
  <si>
    <t>さくらざか</t>
    <phoneticPr fontId="1"/>
  </si>
  <si>
    <t>ファクシミリ</t>
    <phoneticPr fontId="1"/>
  </si>
  <si>
    <r>
      <t>横浜市鶴見区小野</t>
    </r>
    <r>
      <rPr>
        <sz val="11"/>
        <rFont val="ＭＳ Ｐゴシック"/>
        <family val="3"/>
        <charset val="128"/>
      </rPr>
      <t>町6</t>
    </r>
    <rPh sb="8" eb="9">
      <t>チョウ</t>
    </rPh>
    <phoneticPr fontId="1"/>
  </si>
  <si>
    <r>
      <t>(045)5</t>
    </r>
    <r>
      <rPr>
        <sz val="11"/>
        <rFont val="ＭＳ Ｐゴシック"/>
        <family val="3"/>
        <charset val="128"/>
      </rPr>
      <t>11-3654</t>
    </r>
    <phoneticPr fontId="1"/>
  </si>
  <si>
    <r>
      <rPr>
        <sz val="11"/>
        <rFont val="ＭＳ Ｐゴシック"/>
        <family val="3"/>
        <charset val="128"/>
      </rPr>
      <t>(045)506-3680</t>
    </r>
    <phoneticPr fontId="1"/>
  </si>
  <si>
    <r>
      <t>（本校</t>
    </r>
    <r>
      <rPr>
        <sz val="11"/>
        <rFont val="ＭＳ Ｐゴシック"/>
        <family val="3"/>
        <charset val="128"/>
      </rPr>
      <t>10校）</t>
    </r>
    <phoneticPr fontId="1"/>
  </si>
  <si>
    <r>
      <t>(045)983-</t>
    </r>
    <r>
      <rPr>
        <sz val="11"/>
        <rFont val="ＭＳ Ｐゴシック"/>
        <family val="3"/>
        <charset val="128"/>
      </rPr>
      <t>1062</t>
    </r>
    <phoneticPr fontId="1"/>
  </si>
  <si>
    <r>
      <t>245-00</t>
    </r>
    <r>
      <rPr>
        <sz val="11"/>
        <rFont val="ＭＳ Ｐゴシック"/>
        <family val="3"/>
        <charset val="128"/>
      </rPr>
      <t>24</t>
    </r>
    <phoneticPr fontId="1"/>
  </si>
  <si>
    <r>
      <t>245-00</t>
    </r>
    <r>
      <rPr>
        <sz val="11"/>
        <rFont val="ＭＳ Ｐゴシック"/>
        <family val="3"/>
        <charset val="128"/>
      </rPr>
      <t>22</t>
    </r>
    <phoneticPr fontId="1"/>
  </si>
  <si>
    <t>横浜市栄区小菅ケ谷1-29-1</t>
    <phoneticPr fontId="1"/>
  </si>
  <si>
    <t>横浜市立上白根北中学校</t>
    <phoneticPr fontId="1"/>
  </si>
  <si>
    <t>かみしらねきた</t>
    <phoneticPr fontId="1"/>
  </si>
  <si>
    <t>241-0002</t>
    <phoneticPr fontId="1"/>
  </si>
  <si>
    <t>横浜市旭区上白根2-47-1</t>
    <phoneticPr fontId="1"/>
  </si>
  <si>
    <t>(045)955-1131</t>
    <phoneticPr fontId="1"/>
  </si>
  <si>
    <t>(045)951-1354</t>
    <phoneticPr fontId="1"/>
  </si>
  <si>
    <r>
      <t>（本校</t>
    </r>
    <r>
      <rPr>
        <sz val="11"/>
        <rFont val="ＭＳ Ｐゴシック"/>
        <family val="3"/>
        <charset val="128"/>
      </rPr>
      <t>11校）</t>
    </r>
    <phoneticPr fontId="1"/>
  </si>
  <si>
    <t>（本校143校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r>
      <t>(045)381-30</t>
    </r>
    <r>
      <rPr>
        <sz val="11"/>
        <rFont val="ＭＳ Ｐゴシック"/>
        <family val="3"/>
        <charset val="128"/>
      </rPr>
      <t>38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2" fillId="0" borderId="0" xfId="0" applyFont="1" applyBorder="1" applyAlignment="1">
      <alignment vertical="center"/>
    </xf>
    <xf numFmtId="0" fontId="3" fillId="0" borderId="0" xfId="0" applyFont="1"/>
    <xf numFmtId="0" fontId="3" fillId="0" borderId="0" xfId="0" applyFont="1" applyAlignment="1">
      <alignment horizontal="center"/>
    </xf>
    <xf numFmtId="0" fontId="3" fillId="2" borderId="28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0" fillId="2" borderId="29" xfId="0" applyFont="1" applyFill="1" applyBorder="1" applyAlignment="1">
      <alignment horizontal="center" vertical="center"/>
    </xf>
    <xf numFmtId="0" fontId="0" fillId="0" borderId="0" xfId="0" applyFont="1" applyFill="1"/>
    <xf numFmtId="0" fontId="0" fillId="0" borderId="18" xfId="0" applyNumberFormat="1" applyFont="1" applyFill="1" applyBorder="1" applyAlignment="1">
      <alignment horizontal="left" vertical="center" wrapText="1"/>
    </xf>
    <xf numFmtId="0" fontId="0" fillId="0" borderId="1" xfId="0" applyNumberFormat="1" applyFont="1" applyFill="1" applyBorder="1" applyAlignment="1">
      <alignment horizontal="left" vertical="center" shrinkToFit="1"/>
    </xf>
    <xf numFmtId="0" fontId="0" fillId="0" borderId="31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vertical="center" shrinkToFit="1"/>
    </xf>
    <xf numFmtId="0" fontId="0" fillId="0" borderId="32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3" xfId="0" applyNumberFormat="1" applyFont="1" applyFill="1" applyBorder="1" applyAlignment="1">
      <alignment horizontal="left" vertical="center" shrinkToFit="1"/>
    </xf>
    <xf numFmtId="0" fontId="0" fillId="0" borderId="4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vertical="center" shrinkToFit="1"/>
    </xf>
    <xf numFmtId="0" fontId="0" fillId="0" borderId="4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left" vertical="center" shrinkToFit="1"/>
    </xf>
    <xf numFmtId="0" fontId="0" fillId="0" borderId="20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vertical="center" shrinkToFit="1"/>
    </xf>
    <xf numFmtId="0" fontId="0" fillId="0" borderId="33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left" vertical="center" shrinkToFit="1"/>
    </xf>
    <xf numFmtId="0" fontId="0" fillId="0" borderId="26" xfId="0" applyNumberFormat="1" applyFont="1" applyFill="1" applyBorder="1" applyAlignment="1">
      <alignment horizontal="left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0" fontId="0" fillId="0" borderId="27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35" xfId="0" applyNumberFormat="1" applyFont="1" applyFill="1" applyBorder="1" applyAlignment="1">
      <alignment horizontal="center" vertical="center" shrinkToFit="1"/>
    </xf>
    <xf numFmtId="0" fontId="0" fillId="0" borderId="24" xfId="0" applyNumberFormat="1" applyFont="1" applyFill="1" applyBorder="1" applyAlignment="1">
      <alignment horizontal="left" vertical="center" shrinkToFit="1"/>
    </xf>
    <xf numFmtId="0" fontId="0" fillId="0" borderId="22" xfId="0" applyNumberFormat="1" applyFont="1" applyFill="1" applyBorder="1" applyAlignment="1">
      <alignment horizontal="left" vertical="center" shrinkToFit="1"/>
    </xf>
    <xf numFmtId="0" fontId="0" fillId="0" borderId="23" xfId="0" applyNumberFormat="1" applyFont="1" applyFill="1" applyBorder="1" applyAlignment="1">
      <alignment horizontal="left" vertical="center" shrinkToFit="1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34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left" vertical="center" shrinkToFit="1"/>
    </xf>
    <xf numFmtId="0" fontId="0" fillId="0" borderId="7" xfId="0" applyNumberFormat="1" applyFont="1" applyFill="1" applyBorder="1" applyAlignment="1">
      <alignment horizontal="left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left" vertical="center" wrapText="1"/>
    </xf>
    <xf numFmtId="0" fontId="3" fillId="0" borderId="9" xfId="0" applyFont="1" applyBorder="1"/>
    <xf numFmtId="0" fontId="3" fillId="0" borderId="0" xfId="0" applyFont="1" applyBorder="1"/>
    <xf numFmtId="0" fontId="3" fillId="2" borderId="30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148"/>
  <sheetViews>
    <sheetView showGridLines="0" tabSelected="1" zoomScaleNormal="100" workbookViewId="0">
      <pane ySplit="4" topLeftCell="A44" activePane="bottomLeft" state="frozen"/>
      <selection pane="bottomLeft" activeCell="H3" sqref="H3:I3"/>
    </sheetView>
  </sheetViews>
  <sheetFormatPr defaultRowHeight="13" x14ac:dyDescent="0.2"/>
  <cols>
    <col min="1" max="1" width="1.26953125" style="2" customWidth="1"/>
    <col min="2" max="2" width="12" style="6" customWidth="1"/>
    <col min="3" max="3" width="13.90625" style="6" customWidth="1"/>
    <col min="4" max="4" width="25.26953125" style="5" customWidth="1"/>
    <col min="5" max="5" width="26.7265625" style="5" customWidth="1"/>
    <col min="6" max="6" width="9.453125" style="5" customWidth="1"/>
    <col min="7" max="7" width="28.7265625" style="5" customWidth="1"/>
    <col min="8" max="8" width="16.36328125" style="5" customWidth="1"/>
    <col min="9" max="9" width="16.36328125" style="6" customWidth="1"/>
    <col min="10" max="10" width="9" style="2"/>
  </cols>
  <sheetData>
    <row r="2" spans="1:10" x14ac:dyDescent="0.2">
      <c r="B2" s="4" t="s">
        <v>876</v>
      </c>
      <c r="C2" s="4"/>
      <c r="D2" s="64"/>
      <c r="F2" s="6"/>
      <c r="H2" s="6"/>
    </row>
    <row r="3" spans="1:10" ht="13.5" thickBot="1" x14ac:dyDescent="0.25">
      <c r="D3" s="63"/>
      <c r="F3" s="6"/>
      <c r="H3" s="67" t="s">
        <v>896</v>
      </c>
      <c r="I3" s="67"/>
    </row>
    <row r="4" spans="1:10" s="1" customFormat="1" ht="30" customHeight="1" x14ac:dyDescent="0.2">
      <c r="A4" s="3"/>
      <c r="B4" s="65" t="s">
        <v>560</v>
      </c>
      <c r="C4" s="66"/>
      <c r="D4" s="7" t="s">
        <v>561</v>
      </c>
      <c r="E4" s="8" t="s">
        <v>583</v>
      </c>
      <c r="F4" s="7" t="s">
        <v>562</v>
      </c>
      <c r="G4" s="8" t="s">
        <v>563</v>
      </c>
      <c r="H4" s="8" t="s">
        <v>564</v>
      </c>
      <c r="I4" s="9" t="s">
        <v>879</v>
      </c>
      <c r="J4" s="3"/>
    </row>
    <row r="5" spans="1:10" s="10" customFormat="1" x14ac:dyDescent="0.2">
      <c r="B5" s="13" t="s">
        <v>0</v>
      </c>
      <c r="C5" s="14" t="s">
        <v>1</v>
      </c>
      <c r="D5" s="15" t="s">
        <v>2</v>
      </c>
      <c r="E5" s="16" t="s">
        <v>3</v>
      </c>
      <c r="F5" s="17" t="s">
        <v>565</v>
      </c>
      <c r="G5" s="18" t="s">
        <v>4</v>
      </c>
      <c r="H5" s="14" t="s">
        <v>584</v>
      </c>
      <c r="I5" s="19" t="s">
        <v>724</v>
      </c>
    </row>
    <row r="6" spans="1:10" s="10" customFormat="1" x14ac:dyDescent="0.2">
      <c r="B6" s="20" t="s">
        <v>895</v>
      </c>
      <c r="C6" s="21" t="s">
        <v>874</v>
      </c>
      <c r="D6" s="22" t="s">
        <v>6</v>
      </c>
      <c r="E6" s="23" t="s">
        <v>7</v>
      </c>
      <c r="F6" s="24" t="s">
        <v>566</v>
      </c>
      <c r="G6" s="25" t="s">
        <v>8</v>
      </c>
      <c r="H6" s="26" t="s">
        <v>585</v>
      </c>
      <c r="I6" s="27" t="s">
        <v>725</v>
      </c>
    </row>
    <row r="7" spans="1:10" s="10" customFormat="1" x14ac:dyDescent="0.2">
      <c r="B7" s="20" t="s">
        <v>9</v>
      </c>
      <c r="C7" s="21"/>
      <c r="D7" s="22" t="s">
        <v>10</v>
      </c>
      <c r="E7" s="23" t="s">
        <v>11</v>
      </c>
      <c r="F7" s="24" t="s">
        <v>567</v>
      </c>
      <c r="G7" s="25" t="s">
        <v>12</v>
      </c>
      <c r="H7" s="26" t="s">
        <v>586</v>
      </c>
      <c r="I7" s="27" t="s">
        <v>726</v>
      </c>
    </row>
    <row r="8" spans="1:10" s="10" customFormat="1" x14ac:dyDescent="0.2">
      <c r="B8" s="20"/>
      <c r="C8" s="21"/>
      <c r="D8" s="22" t="s">
        <v>13</v>
      </c>
      <c r="E8" s="23" t="s">
        <v>14</v>
      </c>
      <c r="F8" s="24" t="s">
        <v>568</v>
      </c>
      <c r="G8" s="25" t="s">
        <v>15</v>
      </c>
      <c r="H8" s="26" t="s">
        <v>587</v>
      </c>
      <c r="I8" s="27" t="s">
        <v>727</v>
      </c>
    </row>
    <row r="9" spans="1:10" s="10" customFormat="1" x14ac:dyDescent="0.2">
      <c r="B9" s="20"/>
      <c r="C9" s="21"/>
      <c r="D9" s="22" t="s">
        <v>16</v>
      </c>
      <c r="E9" s="23" t="s">
        <v>17</v>
      </c>
      <c r="F9" s="24" t="s">
        <v>569</v>
      </c>
      <c r="G9" s="25" t="s">
        <v>18</v>
      </c>
      <c r="H9" s="26" t="s">
        <v>588</v>
      </c>
      <c r="I9" s="27" t="s">
        <v>728</v>
      </c>
    </row>
    <row r="10" spans="1:10" s="10" customFormat="1" x14ac:dyDescent="0.2">
      <c r="B10" s="20"/>
      <c r="C10" s="21"/>
      <c r="D10" s="22" t="s">
        <v>19</v>
      </c>
      <c r="E10" s="23" t="s">
        <v>20</v>
      </c>
      <c r="F10" s="24" t="s">
        <v>570</v>
      </c>
      <c r="G10" s="25" t="s">
        <v>21</v>
      </c>
      <c r="H10" s="26" t="s">
        <v>589</v>
      </c>
      <c r="I10" s="27" t="s">
        <v>729</v>
      </c>
    </row>
    <row r="11" spans="1:10" s="10" customFormat="1" x14ac:dyDescent="0.2">
      <c r="B11" s="20"/>
      <c r="C11" s="21"/>
      <c r="D11" s="22" t="s">
        <v>22</v>
      </c>
      <c r="E11" s="23" t="s">
        <v>23</v>
      </c>
      <c r="F11" s="24" t="s">
        <v>571</v>
      </c>
      <c r="G11" s="25" t="s">
        <v>24</v>
      </c>
      <c r="H11" s="26" t="s">
        <v>590</v>
      </c>
      <c r="I11" s="27" t="s">
        <v>730</v>
      </c>
    </row>
    <row r="12" spans="1:10" s="10" customFormat="1" x14ac:dyDescent="0.2">
      <c r="B12" s="20"/>
      <c r="C12" s="21"/>
      <c r="D12" s="22" t="s">
        <v>25</v>
      </c>
      <c r="E12" s="23" t="s">
        <v>26</v>
      </c>
      <c r="F12" s="24" t="s">
        <v>572</v>
      </c>
      <c r="G12" s="25" t="s">
        <v>27</v>
      </c>
      <c r="H12" s="26" t="s">
        <v>591</v>
      </c>
      <c r="I12" s="27" t="s">
        <v>731</v>
      </c>
    </row>
    <row r="13" spans="1:10" s="10" customFormat="1" x14ac:dyDescent="0.2">
      <c r="B13" s="20"/>
      <c r="C13" s="21"/>
      <c r="D13" s="22" t="s">
        <v>28</v>
      </c>
      <c r="E13" s="23" t="s">
        <v>29</v>
      </c>
      <c r="F13" s="24" t="s">
        <v>573</v>
      </c>
      <c r="G13" s="25" t="s">
        <v>30</v>
      </c>
      <c r="H13" s="26" t="s">
        <v>592</v>
      </c>
      <c r="I13" s="27" t="s">
        <v>732</v>
      </c>
    </row>
    <row r="14" spans="1:10" s="10" customFormat="1" ht="26" x14ac:dyDescent="0.2">
      <c r="B14" s="20"/>
      <c r="C14" s="28"/>
      <c r="D14" s="62" t="s">
        <v>871</v>
      </c>
      <c r="E14" s="11" t="s">
        <v>872</v>
      </c>
      <c r="F14" s="31" t="s">
        <v>873</v>
      </c>
      <c r="G14" s="32" t="s">
        <v>880</v>
      </c>
      <c r="H14" s="28" t="s">
        <v>881</v>
      </c>
      <c r="I14" s="33" t="s">
        <v>882</v>
      </c>
    </row>
    <row r="15" spans="1:10" s="10" customFormat="1" x14ac:dyDescent="0.2">
      <c r="B15" s="20"/>
      <c r="C15" s="21" t="s">
        <v>31</v>
      </c>
      <c r="D15" s="34" t="s">
        <v>32</v>
      </c>
      <c r="E15" s="12" t="s">
        <v>33</v>
      </c>
      <c r="F15" s="35" t="s">
        <v>574</v>
      </c>
      <c r="G15" s="36" t="s">
        <v>34</v>
      </c>
      <c r="H15" s="21" t="s">
        <v>593</v>
      </c>
      <c r="I15" s="37" t="s">
        <v>733</v>
      </c>
    </row>
    <row r="16" spans="1:10" s="10" customFormat="1" x14ac:dyDescent="0.2">
      <c r="B16" s="20"/>
      <c r="C16" s="21" t="s">
        <v>35</v>
      </c>
      <c r="D16" s="22" t="s">
        <v>36</v>
      </c>
      <c r="E16" s="23" t="s">
        <v>37</v>
      </c>
      <c r="F16" s="24" t="s">
        <v>575</v>
      </c>
      <c r="G16" s="25" t="s">
        <v>38</v>
      </c>
      <c r="H16" s="26" t="s">
        <v>594</v>
      </c>
      <c r="I16" s="27" t="s">
        <v>734</v>
      </c>
    </row>
    <row r="17" spans="2:9" s="10" customFormat="1" x14ac:dyDescent="0.2">
      <c r="B17" s="20"/>
      <c r="C17" s="21"/>
      <c r="D17" s="22" t="s">
        <v>39</v>
      </c>
      <c r="E17" s="23" t="s">
        <v>40</v>
      </c>
      <c r="F17" s="24" t="s">
        <v>576</v>
      </c>
      <c r="G17" s="25" t="s">
        <v>41</v>
      </c>
      <c r="H17" s="26" t="s">
        <v>595</v>
      </c>
      <c r="I17" s="27" t="s">
        <v>735</v>
      </c>
    </row>
    <row r="18" spans="2:9" s="10" customFormat="1" x14ac:dyDescent="0.2">
      <c r="B18" s="20"/>
      <c r="C18" s="21"/>
      <c r="D18" s="22" t="s">
        <v>42</v>
      </c>
      <c r="E18" s="23" t="s">
        <v>43</v>
      </c>
      <c r="F18" s="24" t="s">
        <v>44</v>
      </c>
      <c r="G18" s="25" t="s">
        <v>45</v>
      </c>
      <c r="H18" s="26" t="s">
        <v>596</v>
      </c>
      <c r="I18" s="27" t="s">
        <v>736</v>
      </c>
    </row>
    <row r="19" spans="2:9" s="10" customFormat="1" ht="14.25" customHeight="1" x14ac:dyDescent="0.2">
      <c r="B19" s="20"/>
      <c r="C19" s="21"/>
      <c r="D19" s="22" t="s">
        <v>46</v>
      </c>
      <c r="E19" s="23" t="s">
        <v>47</v>
      </c>
      <c r="F19" s="24" t="s">
        <v>577</v>
      </c>
      <c r="G19" s="25" t="s">
        <v>48</v>
      </c>
      <c r="H19" s="26" t="s">
        <v>597</v>
      </c>
      <c r="I19" s="27" t="s">
        <v>737</v>
      </c>
    </row>
    <row r="20" spans="2:9" s="10" customFormat="1" x14ac:dyDescent="0.2">
      <c r="B20" s="20"/>
      <c r="C20" s="21"/>
      <c r="D20" s="22" t="s">
        <v>49</v>
      </c>
      <c r="E20" s="23" t="s">
        <v>50</v>
      </c>
      <c r="F20" s="24" t="s">
        <v>578</v>
      </c>
      <c r="G20" s="25" t="s">
        <v>51</v>
      </c>
      <c r="H20" s="26" t="s">
        <v>598</v>
      </c>
      <c r="I20" s="27" t="s">
        <v>738</v>
      </c>
    </row>
    <row r="21" spans="2:9" s="10" customFormat="1" x14ac:dyDescent="0.2">
      <c r="B21" s="20"/>
      <c r="C21" s="21"/>
      <c r="D21" s="34" t="s">
        <v>52</v>
      </c>
      <c r="E21" s="12" t="s">
        <v>53</v>
      </c>
      <c r="F21" s="35" t="s">
        <v>579</v>
      </c>
      <c r="G21" s="36" t="s">
        <v>54</v>
      </c>
      <c r="H21" s="21" t="s">
        <v>599</v>
      </c>
      <c r="I21" s="37" t="s">
        <v>739</v>
      </c>
    </row>
    <row r="22" spans="2:9" s="10" customFormat="1" x14ac:dyDescent="0.2">
      <c r="B22" s="20"/>
      <c r="C22" s="14" t="s">
        <v>55</v>
      </c>
      <c r="D22" s="15" t="s">
        <v>56</v>
      </c>
      <c r="E22" s="16" t="s">
        <v>57</v>
      </c>
      <c r="F22" s="17" t="s">
        <v>580</v>
      </c>
      <c r="G22" s="18" t="s">
        <v>58</v>
      </c>
      <c r="H22" s="14" t="s">
        <v>600</v>
      </c>
      <c r="I22" s="19" t="s">
        <v>740</v>
      </c>
    </row>
    <row r="23" spans="2:9" s="10" customFormat="1" x14ac:dyDescent="0.2">
      <c r="B23" s="20"/>
      <c r="C23" s="21" t="s">
        <v>59</v>
      </c>
      <c r="D23" s="22" t="s">
        <v>60</v>
      </c>
      <c r="E23" s="23" t="s">
        <v>61</v>
      </c>
      <c r="F23" s="24" t="s">
        <v>412</v>
      </c>
      <c r="G23" s="25" t="s">
        <v>62</v>
      </c>
      <c r="H23" s="26" t="s">
        <v>601</v>
      </c>
      <c r="I23" s="27" t="s">
        <v>741</v>
      </c>
    </row>
    <row r="24" spans="2:9" s="10" customFormat="1" x14ac:dyDescent="0.2">
      <c r="B24" s="20"/>
      <c r="C24" s="21"/>
      <c r="D24" s="22" t="s">
        <v>63</v>
      </c>
      <c r="E24" s="23" t="s">
        <v>64</v>
      </c>
      <c r="F24" s="24" t="s">
        <v>413</v>
      </c>
      <c r="G24" s="25" t="s">
        <v>65</v>
      </c>
      <c r="H24" s="26" t="s">
        <v>602</v>
      </c>
      <c r="I24" s="27" t="s">
        <v>742</v>
      </c>
    </row>
    <row r="25" spans="2:9" s="10" customFormat="1" x14ac:dyDescent="0.2">
      <c r="B25" s="20"/>
      <c r="C25" s="28"/>
      <c r="D25" s="38" t="s">
        <v>66</v>
      </c>
      <c r="E25" s="30" t="s">
        <v>67</v>
      </c>
      <c r="F25" s="31" t="s">
        <v>414</v>
      </c>
      <c r="G25" s="32" t="s">
        <v>68</v>
      </c>
      <c r="H25" s="28" t="s">
        <v>603</v>
      </c>
      <c r="I25" s="33" t="s">
        <v>743</v>
      </c>
    </row>
    <row r="26" spans="2:9" s="10" customFormat="1" x14ac:dyDescent="0.2">
      <c r="B26" s="20"/>
      <c r="C26" s="21" t="s">
        <v>69</v>
      </c>
      <c r="D26" s="34" t="s">
        <v>70</v>
      </c>
      <c r="E26" s="12" t="s">
        <v>71</v>
      </c>
      <c r="F26" s="35" t="s">
        <v>415</v>
      </c>
      <c r="G26" s="36" t="s">
        <v>72</v>
      </c>
      <c r="H26" s="21" t="s">
        <v>604</v>
      </c>
      <c r="I26" s="37" t="s">
        <v>744</v>
      </c>
    </row>
    <row r="27" spans="2:9" s="10" customFormat="1" x14ac:dyDescent="0.2">
      <c r="B27" s="20"/>
      <c r="C27" s="21" t="s">
        <v>865</v>
      </c>
      <c r="D27" s="22" t="s">
        <v>74</v>
      </c>
      <c r="E27" s="23" t="s">
        <v>75</v>
      </c>
      <c r="F27" s="24" t="s">
        <v>417</v>
      </c>
      <c r="G27" s="25" t="s">
        <v>76</v>
      </c>
      <c r="H27" s="26" t="s">
        <v>605</v>
      </c>
      <c r="I27" s="27" t="s">
        <v>745</v>
      </c>
    </row>
    <row r="28" spans="2:9" s="10" customFormat="1" x14ac:dyDescent="0.2">
      <c r="B28" s="20"/>
      <c r="C28" s="39"/>
      <c r="D28" s="22" t="s">
        <v>77</v>
      </c>
      <c r="E28" s="23" t="s">
        <v>78</v>
      </c>
      <c r="F28" s="24" t="s">
        <v>418</v>
      </c>
      <c r="G28" s="25" t="s">
        <v>79</v>
      </c>
      <c r="H28" s="26" t="s">
        <v>606</v>
      </c>
      <c r="I28" s="27" t="s">
        <v>746</v>
      </c>
    </row>
    <row r="29" spans="2:9" s="10" customFormat="1" x14ac:dyDescent="0.2">
      <c r="B29" s="20"/>
      <c r="C29" s="21"/>
      <c r="D29" s="34" t="s">
        <v>80</v>
      </c>
      <c r="E29" s="12" t="s">
        <v>81</v>
      </c>
      <c r="F29" s="35" t="s">
        <v>419</v>
      </c>
      <c r="G29" s="36" t="s">
        <v>82</v>
      </c>
      <c r="H29" s="21" t="s">
        <v>607</v>
      </c>
      <c r="I29" s="37" t="s">
        <v>747</v>
      </c>
    </row>
    <row r="30" spans="2:9" s="10" customFormat="1" x14ac:dyDescent="0.2">
      <c r="B30" s="20"/>
      <c r="C30" s="21"/>
      <c r="D30" s="40" t="s">
        <v>581</v>
      </c>
      <c r="E30" s="41" t="s">
        <v>582</v>
      </c>
      <c r="F30" s="42" t="s">
        <v>416</v>
      </c>
      <c r="G30" s="43" t="s">
        <v>73</v>
      </c>
      <c r="H30" s="44" t="s">
        <v>608</v>
      </c>
      <c r="I30" s="45" t="s">
        <v>748</v>
      </c>
    </row>
    <row r="31" spans="2:9" s="10" customFormat="1" ht="13.5" customHeight="1" x14ac:dyDescent="0.2">
      <c r="B31" s="20"/>
      <c r="C31" s="14" t="s">
        <v>83</v>
      </c>
      <c r="D31" s="15" t="s">
        <v>84</v>
      </c>
      <c r="E31" s="16" t="s">
        <v>85</v>
      </c>
      <c r="F31" s="17" t="s">
        <v>420</v>
      </c>
      <c r="G31" s="18" t="s">
        <v>86</v>
      </c>
      <c r="H31" s="14" t="s">
        <v>609</v>
      </c>
      <c r="I31" s="19" t="s">
        <v>749</v>
      </c>
    </row>
    <row r="32" spans="2:9" s="10" customFormat="1" ht="13.5" customHeight="1" x14ac:dyDescent="0.2">
      <c r="B32" s="20"/>
      <c r="C32" s="21" t="s">
        <v>87</v>
      </c>
      <c r="D32" s="22" t="s">
        <v>88</v>
      </c>
      <c r="E32" s="23" t="s">
        <v>89</v>
      </c>
      <c r="F32" s="24" t="s">
        <v>421</v>
      </c>
      <c r="G32" s="25" t="s">
        <v>90</v>
      </c>
      <c r="H32" s="26" t="s">
        <v>610</v>
      </c>
      <c r="I32" s="27" t="s">
        <v>750</v>
      </c>
    </row>
    <row r="33" spans="2:9" s="10" customFormat="1" ht="13.5" customHeight="1" x14ac:dyDescent="0.2">
      <c r="B33" s="20"/>
      <c r="C33" s="21"/>
      <c r="D33" s="22" t="s">
        <v>91</v>
      </c>
      <c r="E33" s="23" t="s">
        <v>92</v>
      </c>
      <c r="F33" s="24" t="s">
        <v>422</v>
      </c>
      <c r="G33" s="25" t="s">
        <v>93</v>
      </c>
      <c r="H33" s="26" t="s">
        <v>611</v>
      </c>
      <c r="I33" s="27" t="s">
        <v>751</v>
      </c>
    </row>
    <row r="34" spans="2:9" s="10" customFormat="1" ht="13.5" customHeight="1" x14ac:dyDescent="0.2">
      <c r="B34" s="20"/>
      <c r="C34" s="21"/>
      <c r="D34" s="22" t="s">
        <v>94</v>
      </c>
      <c r="E34" s="23" t="s">
        <v>95</v>
      </c>
      <c r="F34" s="24" t="s">
        <v>423</v>
      </c>
      <c r="G34" s="25" t="s">
        <v>96</v>
      </c>
      <c r="H34" s="26" t="s">
        <v>612</v>
      </c>
      <c r="I34" s="27" t="s">
        <v>752</v>
      </c>
    </row>
    <row r="35" spans="2:9" s="10" customFormat="1" ht="13.5" customHeight="1" x14ac:dyDescent="0.2">
      <c r="B35" s="20"/>
      <c r="C35" s="21"/>
      <c r="D35" s="22" t="s">
        <v>97</v>
      </c>
      <c r="E35" s="23" t="s">
        <v>98</v>
      </c>
      <c r="F35" s="24" t="s">
        <v>424</v>
      </c>
      <c r="G35" s="25" t="s">
        <v>99</v>
      </c>
      <c r="H35" s="26" t="s">
        <v>613</v>
      </c>
      <c r="I35" s="27" t="s">
        <v>753</v>
      </c>
    </row>
    <row r="36" spans="2:9" s="10" customFormat="1" ht="13.5" customHeight="1" x14ac:dyDescent="0.2">
      <c r="B36" s="20"/>
      <c r="C36" s="21"/>
      <c r="D36" s="22" t="s">
        <v>100</v>
      </c>
      <c r="E36" s="23" t="s">
        <v>101</v>
      </c>
      <c r="F36" s="24" t="s">
        <v>425</v>
      </c>
      <c r="G36" s="25" t="s">
        <v>102</v>
      </c>
      <c r="H36" s="26" t="s">
        <v>614</v>
      </c>
      <c r="I36" s="27" t="s">
        <v>754</v>
      </c>
    </row>
    <row r="37" spans="2:9" s="10" customFormat="1" ht="13.5" customHeight="1" x14ac:dyDescent="0.2">
      <c r="B37" s="20"/>
      <c r="C37" s="21"/>
      <c r="D37" s="22" t="s">
        <v>103</v>
      </c>
      <c r="E37" s="23" t="s">
        <v>104</v>
      </c>
      <c r="F37" s="24" t="s">
        <v>423</v>
      </c>
      <c r="G37" s="25" t="s">
        <v>105</v>
      </c>
      <c r="H37" s="26" t="s">
        <v>615</v>
      </c>
      <c r="I37" s="27" t="s">
        <v>755</v>
      </c>
    </row>
    <row r="38" spans="2:9" s="10" customFormat="1" ht="13.5" customHeight="1" x14ac:dyDescent="0.2">
      <c r="B38" s="20"/>
      <c r="C38" s="28"/>
      <c r="D38" s="38" t="s">
        <v>106</v>
      </c>
      <c r="E38" s="30" t="s">
        <v>107</v>
      </c>
      <c r="F38" s="31" t="s">
        <v>426</v>
      </c>
      <c r="G38" s="32" t="s">
        <v>108</v>
      </c>
      <c r="H38" s="28" t="s">
        <v>616</v>
      </c>
      <c r="I38" s="33" t="s">
        <v>756</v>
      </c>
    </row>
    <row r="39" spans="2:9" s="10" customFormat="1" x14ac:dyDescent="0.2">
      <c r="B39" s="20"/>
      <c r="C39" s="21" t="s">
        <v>109</v>
      </c>
      <c r="D39" s="12" t="s">
        <v>110</v>
      </c>
      <c r="E39" s="12" t="s">
        <v>111</v>
      </c>
      <c r="F39" s="21" t="s">
        <v>427</v>
      </c>
      <c r="G39" s="36" t="s">
        <v>112</v>
      </c>
      <c r="H39" s="21" t="s">
        <v>617</v>
      </c>
      <c r="I39" s="46" t="s">
        <v>757</v>
      </c>
    </row>
    <row r="40" spans="2:9" s="10" customFormat="1" x14ac:dyDescent="0.2">
      <c r="B40" s="20"/>
      <c r="C40" s="21" t="s">
        <v>883</v>
      </c>
      <c r="D40" s="23" t="s">
        <v>114</v>
      </c>
      <c r="E40" s="23" t="s">
        <v>115</v>
      </c>
      <c r="F40" s="26" t="s">
        <v>428</v>
      </c>
      <c r="G40" s="25" t="s">
        <v>116</v>
      </c>
      <c r="H40" s="26" t="s">
        <v>618</v>
      </c>
      <c r="I40" s="47" t="s">
        <v>758</v>
      </c>
    </row>
    <row r="41" spans="2:9" s="10" customFormat="1" x14ac:dyDescent="0.2">
      <c r="B41" s="20"/>
      <c r="C41" s="21"/>
      <c r="D41" s="23" t="s">
        <v>117</v>
      </c>
      <c r="E41" s="23" t="s">
        <v>118</v>
      </c>
      <c r="F41" s="26" t="s">
        <v>429</v>
      </c>
      <c r="G41" s="25" t="s">
        <v>119</v>
      </c>
      <c r="H41" s="26" t="s">
        <v>619</v>
      </c>
      <c r="I41" s="47" t="s">
        <v>759</v>
      </c>
    </row>
    <row r="42" spans="2:9" s="10" customFormat="1" ht="14.25" customHeight="1" x14ac:dyDescent="0.2">
      <c r="B42" s="20"/>
      <c r="C42" s="21"/>
      <c r="D42" s="23" t="s">
        <v>120</v>
      </c>
      <c r="E42" s="23" t="s">
        <v>121</v>
      </c>
      <c r="F42" s="26" t="s">
        <v>430</v>
      </c>
      <c r="G42" s="25" t="s">
        <v>122</v>
      </c>
      <c r="H42" s="26" t="s">
        <v>620</v>
      </c>
      <c r="I42" s="47" t="s">
        <v>760</v>
      </c>
    </row>
    <row r="43" spans="2:9" s="10" customFormat="1" x14ac:dyDescent="0.2">
      <c r="B43" s="20"/>
      <c r="C43" s="21"/>
      <c r="D43" s="23" t="s">
        <v>123</v>
      </c>
      <c r="E43" s="23" t="s">
        <v>124</v>
      </c>
      <c r="F43" s="26" t="s">
        <v>431</v>
      </c>
      <c r="G43" s="25" t="s">
        <v>125</v>
      </c>
      <c r="H43" s="26" t="s">
        <v>621</v>
      </c>
      <c r="I43" s="47" t="s">
        <v>761</v>
      </c>
    </row>
    <row r="44" spans="2:9" s="10" customFormat="1" x14ac:dyDescent="0.2">
      <c r="B44" s="20"/>
      <c r="C44" s="21"/>
      <c r="D44" s="23" t="s">
        <v>126</v>
      </c>
      <c r="E44" s="23" t="s">
        <v>127</v>
      </c>
      <c r="F44" s="26" t="s">
        <v>432</v>
      </c>
      <c r="G44" s="25" t="s">
        <v>128</v>
      </c>
      <c r="H44" s="26" t="s">
        <v>622</v>
      </c>
      <c r="I44" s="47" t="s">
        <v>762</v>
      </c>
    </row>
    <row r="45" spans="2:9" s="10" customFormat="1" x14ac:dyDescent="0.2">
      <c r="B45" s="20"/>
      <c r="C45" s="21"/>
      <c r="D45" s="23" t="s">
        <v>129</v>
      </c>
      <c r="E45" s="23" t="s">
        <v>130</v>
      </c>
      <c r="F45" s="26" t="s">
        <v>430</v>
      </c>
      <c r="G45" s="25" t="s">
        <v>131</v>
      </c>
      <c r="H45" s="26" t="s">
        <v>623</v>
      </c>
      <c r="I45" s="47" t="s">
        <v>763</v>
      </c>
    </row>
    <row r="46" spans="2:9" s="10" customFormat="1" x14ac:dyDescent="0.2">
      <c r="B46" s="20"/>
      <c r="C46" s="21"/>
      <c r="D46" s="23" t="s">
        <v>132</v>
      </c>
      <c r="E46" s="23" t="s">
        <v>133</v>
      </c>
      <c r="F46" s="26" t="s">
        <v>433</v>
      </c>
      <c r="G46" s="25" t="s">
        <v>134</v>
      </c>
      <c r="H46" s="26" t="s">
        <v>624</v>
      </c>
      <c r="I46" s="47" t="s">
        <v>764</v>
      </c>
    </row>
    <row r="47" spans="2:9" s="10" customFormat="1" x14ac:dyDescent="0.2">
      <c r="B47" s="20"/>
      <c r="C47" s="21"/>
      <c r="D47" s="23" t="s">
        <v>135</v>
      </c>
      <c r="E47" s="23" t="s">
        <v>136</v>
      </c>
      <c r="F47" s="26" t="s">
        <v>434</v>
      </c>
      <c r="G47" s="25" t="s">
        <v>137</v>
      </c>
      <c r="H47" s="26" t="s">
        <v>625</v>
      </c>
      <c r="I47" s="47" t="s">
        <v>765</v>
      </c>
    </row>
    <row r="48" spans="2:9" s="10" customFormat="1" x14ac:dyDescent="0.2">
      <c r="B48" s="20"/>
      <c r="C48" s="21"/>
      <c r="D48" s="12" t="s">
        <v>138</v>
      </c>
      <c r="E48" s="12" t="s">
        <v>139</v>
      </c>
      <c r="F48" s="21" t="s">
        <v>434</v>
      </c>
      <c r="G48" s="36" t="s">
        <v>140</v>
      </c>
      <c r="H48" s="21" t="s">
        <v>626</v>
      </c>
      <c r="I48" s="46" t="s">
        <v>766</v>
      </c>
    </row>
    <row r="49" spans="2:9" s="10" customFormat="1" x14ac:dyDescent="0.2">
      <c r="B49" s="20"/>
      <c r="C49" s="14" t="s">
        <v>141</v>
      </c>
      <c r="D49" s="15" t="s">
        <v>142</v>
      </c>
      <c r="E49" s="16" t="s">
        <v>143</v>
      </c>
      <c r="F49" s="17" t="s">
        <v>435</v>
      </c>
      <c r="G49" s="18" t="s">
        <v>144</v>
      </c>
      <c r="H49" s="14" t="s">
        <v>627</v>
      </c>
      <c r="I49" s="19" t="s">
        <v>767</v>
      </c>
    </row>
    <row r="50" spans="2:9" s="10" customFormat="1" x14ac:dyDescent="0.2">
      <c r="B50" s="20"/>
      <c r="C50" s="21" t="s">
        <v>145</v>
      </c>
      <c r="D50" s="22" t="s">
        <v>146</v>
      </c>
      <c r="E50" s="23" t="s">
        <v>147</v>
      </c>
      <c r="F50" s="24" t="s">
        <v>436</v>
      </c>
      <c r="G50" s="25" t="s">
        <v>148</v>
      </c>
      <c r="H50" s="26" t="s">
        <v>628</v>
      </c>
      <c r="I50" s="27" t="s">
        <v>768</v>
      </c>
    </row>
    <row r="51" spans="2:9" s="10" customFormat="1" x14ac:dyDescent="0.2">
      <c r="B51" s="20"/>
      <c r="C51" s="21" t="s">
        <v>9</v>
      </c>
      <c r="D51" s="22" t="s">
        <v>149</v>
      </c>
      <c r="E51" s="23" t="s">
        <v>150</v>
      </c>
      <c r="F51" s="24" t="s">
        <v>437</v>
      </c>
      <c r="G51" s="25" t="s">
        <v>151</v>
      </c>
      <c r="H51" s="26" t="s">
        <v>629</v>
      </c>
      <c r="I51" s="27" t="s">
        <v>769</v>
      </c>
    </row>
    <row r="52" spans="2:9" s="10" customFormat="1" x14ac:dyDescent="0.2">
      <c r="B52" s="20"/>
      <c r="C52" s="21"/>
      <c r="D52" s="22" t="s">
        <v>152</v>
      </c>
      <c r="E52" s="23" t="s">
        <v>153</v>
      </c>
      <c r="F52" s="24" t="s">
        <v>438</v>
      </c>
      <c r="G52" s="25" t="s">
        <v>154</v>
      </c>
      <c r="H52" s="26" t="s">
        <v>630</v>
      </c>
      <c r="I52" s="27" t="s">
        <v>770</v>
      </c>
    </row>
    <row r="53" spans="2:9" s="10" customFormat="1" x14ac:dyDescent="0.2">
      <c r="B53" s="20"/>
      <c r="C53" s="21"/>
      <c r="D53" s="22" t="s">
        <v>155</v>
      </c>
      <c r="E53" s="23" t="s">
        <v>156</v>
      </c>
      <c r="F53" s="24" t="s">
        <v>439</v>
      </c>
      <c r="G53" s="25" t="s">
        <v>157</v>
      </c>
      <c r="H53" s="26" t="s">
        <v>631</v>
      </c>
      <c r="I53" s="27" t="s">
        <v>771</v>
      </c>
    </row>
    <row r="54" spans="2:9" s="10" customFormat="1" x14ac:dyDescent="0.2">
      <c r="B54" s="20"/>
      <c r="C54" s="21"/>
      <c r="D54" s="22" t="s">
        <v>158</v>
      </c>
      <c r="E54" s="23" t="s">
        <v>159</v>
      </c>
      <c r="F54" s="24" t="s">
        <v>440</v>
      </c>
      <c r="G54" s="25" t="s">
        <v>160</v>
      </c>
      <c r="H54" s="26" t="s">
        <v>632</v>
      </c>
      <c r="I54" s="27" t="s">
        <v>772</v>
      </c>
    </row>
    <row r="55" spans="2:9" s="10" customFormat="1" x14ac:dyDescent="0.2">
      <c r="B55" s="20"/>
      <c r="C55" s="21"/>
      <c r="D55" s="22" t="s">
        <v>161</v>
      </c>
      <c r="E55" s="23" t="s">
        <v>875</v>
      </c>
      <c r="F55" s="24" t="s">
        <v>441</v>
      </c>
      <c r="G55" s="25" t="s">
        <v>162</v>
      </c>
      <c r="H55" s="26" t="s">
        <v>633</v>
      </c>
      <c r="I55" s="27" t="s">
        <v>773</v>
      </c>
    </row>
    <row r="56" spans="2:9" s="10" customFormat="1" x14ac:dyDescent="0.2">
      <c r="B56" s="20"/>
      <c r="C56" s="21"/>
      <c r="D56" s="22" t="s">
        <v>163</v>
      </c>
      <c r="E56" s="23" t="s">
        <v>878</v>
      </c>
      <c r="F56" s="24" t="s">
        <v>441</v>
      </c>
      <c r="G56" s="25" t="s">
        <v>164</v>
      </c>
      <c r="H56" s="26" t="s">
        <v>634</v>
      </c>
      <c r="I56" s="27" t="s">
        <v>897</v>
      </c>
    </row>
    <row r="57" spans="2:9" s="10" customFormat="1" x14ac:dyDescent="0.2">
      <c r="B57" s="20"/>
      <c r="C57" s="28"/>
      <c r="D57" s="38" t="s">
        <v>165</v>
      </c>
      <c r="E57" s="30" t="s">
        <v>166</v>
      </c>
      <c r="F57" s="31" t="s">
        <v>442</v>
      </c>
      <c r="G57" s="32" t="s">
        <v>167</v>
      </c>
      <c r="H57" s="28" t="s">
        <v>635</v>
      </c>
      <c r="I57" s="33" t="s">
        <v>774</v>
      </c>
    </row>
    <row r="58" spans="2:9" s="10" customFormat="1" ht="14.25" customHeight="1" x14ac:dyDescent="0.2">
      <c r="B58" s="20"/>
      <c r="C58" s="39" t="s">
        <v>168</v>
      </c>
      <c r="D58" s="34" t="s">
        <v>169</v>
      </c>
      <c r="E58" s="12" t="s">
        <v>170</v>
      </c>
      <c r="F58" s="35" t="s">
        <v>443</v>
      </c>
      <c r="G58" s="36" t="s">
        <v>171</v>
      </c>
      <c r="H58" s="21" t="s">
        <v>636</v>
      </c>
      <c r="I58" s="37" t="s">
        <v>775</v>
      </c>
    </row>
    <row r="59" spans="2:9" s="10" customFormat="1" x14ac:dyDescent="0.2">
      <c r="B59" s="20"/>
      <c r="C59" s="39" t="s">
        <v>894</v>
      </c>
      <c r="D59" s="22" t="s">
        <v>172</v>
      </c>
      <c r="E59" s="23" t="s">
        <v>173</v>
      </c>
      <c r="F59" s="24" t="s">
        <v>444</v>
      </c>
      <c r="G59" s="25" t="s">
        <v>174</v>
      </c>
      <c r="H59" s="26" t="s">
        <v>637</v>
      </c>
      <c r="I59" s="27" t="s">
        <v>776</v>
      </c>
    </row>
    <row r="60" spans="2:9" s="10" customFormat="1" x14ac:dyDescent="0.2">
      <c r="B60" s="20"/>
      <c r="C60" s="39"/>
      <c r="D60" s="22" t="s">
        <v>175</v>
      </c>
      <c r="E60" s="23" t="s">
        <v>176</v>
      </c>
      <c r="F60" s="24" t="s">
        <v>445</v>
      </c>
      <c r="G60" s="25" t="s">
        <v>177</v>
      </c>
      <c r="H60" s="26" t="s">
        <v>638</v>
      </c>
      <c r="I60" s="27" t="s">
        <v>777</v>
      </c>
    </row>
    <row r="61" spans="2:9" s="10" customFormat="1" x14ac:dyDescent="0.2">
      <c r="B61" s="20"/>
      <c r="C61" s="39"/>
      <c r="D61" s="22" t="s">
        <v>178</v>
      </c>
      <c r="E61" s="23" t="s">
        <v>179</v>
      </c>
      <c r="F61" s="24" t="s">
        <v>446</v>
      </c>
      <c r="G61" s="25" t="s">
        <v>180</v>
      </c>
      <c r="H61" s="26" t="s">
        <v>639</v>
      </c>
      <c r="I61" s="27" t="s">
        <v>778</v>
      </c>
    </row>
    <row r="62" spans="2:9" s="10" customFormat="1" x14ac:dyDescent="0.2">
      <c r="B62" s="20"/>
      <c r="C62" s="21"/>
      <c r="D62" s="22" t="s">
        <v>181</v>
      </c>
      <c r="E62" s="23" t="s">
        <v>182</v>
      </c>
      <c r="F62" s="24" t="s">
        <v>447</v>
      </c>
      <c r="G62" s="25" t="s">
        <v>183</v>
      </c>
      <c r="H62" s="26" t="s">
        <v>640</v>
      </c>
      <c r="I62" s="27" t="s">
        <v>779</v>
      </c>
    </row>
    <row r="63" spans="2:9" s="10" customFormat="1" x14ac:dyDescent="0.2">
      <c r="B63" s="20"/>
      <c r="C63" s="21"/>
      <c r="D63" s="22" t="s">
        <v>184</v>
      </c>
      <c r="E63" s="23" t="s">
        <v>185</v>
      </c>
      <c r="F63" s="24" t="s">
        <v>448</v>
      </c>
      <c r="G63" s="25" t="s">
        <v>186</v>
      </c>
      <c r="H63" s="26" t="s">
        <v>641</v>
      </c>
      <c r="I63" s="27" t="s">
        <v>780</v>
      </c>
    </row>
    <row r="64" spans="2:9" s="10" customFormat="1" ht="14.25" customHeight="1" x14ac:dyDescent="0.2">
      <c r="B64" s="20"/>
      <c r="C64" s="21"/>
      <c r="D64" s="22" t="s">
        <v>187</v>
      </c>
      <c r="E64" s="23" t="s">
        <v>188</v>
      </c>
      <c r="F64" s="24" t="s">
        <v>449</v>
      </c>
      <c r="G64" s="25" t="s">
        <v>189</v>
      </c>
      <c r="H64" s="26" t="s">
        <v>642</v>
      </c>
      <c r="I64" s="27" t="s">
        <v>781</v>
      </c>
    </row>
    <row r="65" spans="2:9" s="10" customFormat="1" x14ac:dyDescent="0.2">
      <c r="B65" s="20"/>
      <c r="C65" s="39"/>
      <c r="D65" s="22" t="s">
        <v>190</v>
      </c>
      <c r="E65" s="23" t="s">
        <v>191</v>
      </c>
      <c r="F65" s="24" t="s">
        <v>450</v>
      </c>
      <c r="G65" s="25" t="s">
        <v>192</v>
      </c>
      <c r="H65" s="26" t="s">
        <v>643</v>
      </c>
      <c r="I65" s="27" t="s">
        <v>782</v>
      </c>
    </row>
    <row r="66" spans="2:9" s="10" customFormat="1" x14ac:dyDescent="0.2">
      <c r="B66" s="20"/>
      <c r="C66" s="39"/>
      <c r="D66" s="22" t="s">
        <v>193</v>
      </c>
      <c r="E66" s="23" t="s">
        <v>194</v>
      </c>
      <c r="F66" s="24" t="s">
        <v>451</v>
      </c>
      <c r="G66" s="25" t="s">
        <v>195</v>
      </c>
      <c r="H66" s="26" t="s">
        <v>644</v>
      </c>
      <c r="I66" s="27" t="s">
        <v>783</v>
      </c>
    </row>
    <row r="67" spans="2:9" s="10" customFormat="1" x14ac:dyDescent="0.2">
      <c r="B67" s="20"/>
      <c r="C67" s="39"/>
      <c r="D67" s="22" t="s">
        <v>196</v>
      </c>
      <c r="E67" s="23" t="s">
        <v>197</v>
      </c>
      <c r="F67" s="24" t="s">
        <v>452</v>
      </c>
      <c r="G67" s="25" t="s">
        <v>198</v>
      </c>
      <c r="H67" s="26" t="s">
        <v>645</v>
      </c>
      <c r="I67" s="27" t="s">
        <v>784</v>
      </c>
    </row>
    <row r="68" spans="2:9" s="10" customFormat="1" x14ac:dyDescent="0.2">
      <c r="B68" s="20"/>
      <c r="C68" s="39"/>
      <c r="D68" s="23" t="s">
        <v>888</v>
      </c>
      <c r="E68" s="23" t="s">
        <v>889</v>
      </c>
      <c r="F68" s="26" t="s">
        <v>890</v>
      </c>
      <c r="G68" s="25" t="s">
        <v>891</v>
      </c>
      <c r="H68" s="26" t="s">
        <v>892</v>
      </c>
      <c r="I68" s="47" t="s">
        <v>893</v>
      </c>
    </row>
    <row r="69" spans="2:9" s="10" customFormat="1" x14ac:dyDescent="0.2">
      <c r="B69" s="20"/>
      <c r="C69" s="14" t="s">
        <v>199</v>
      </c>
      <c r="D69" s="15" t="s">
        <v>200</v>
      </c>
      <c r="E69" s="16" t="s">
        <v>201</v>
      </c>
      <c r="F69" s="17" t="s">
        <v>453</v>
      </c>
      <c r="G69" s="18" t="s">
        <v>202</v>
      </c>
      <c r="H69" s="14" t="s">
        <v>646</v>
      </c>
      <c r="I69" s="19" t="s">
        <v>785</v>
      </c>
    </row>
    <row r="70" spans="2:9" s="10" customFormat="1" x14ac:dyDescent="0.2">
      <c r="B70" s="20"/>
      <c r="C70" s="21" t="s">
        <v>35</v>
      </c>
      <c r="D70" s="22" t="s">
        <v>203</v>
      </c>
      <c r="E70" s="23" t="s">
        <v>204</v>
      </c>
      <c r="F70" s="24" t="s">
        <v>454</v>
      </c>
      <c r="G70" s="25" t="s">
        <v>205</v>
      </c>
      <c r="H70" s="26" t="s">
        <v>647</v>
      </c>
      <c r="I70" s="27" t="s">
        <v>786</v>
      </c>
    </row>
    <row r="71" spans="2:9" s="10" customFormat="1" x14ac:dyDescent="0.2">
      <c r="B71" s="20"/>
      <c r="C71" s="21"/>
      <c r="D71" s="22" t="s">
        <v>206</v>
      </c>
      <c r="E71" s="23" t="s">
        <v>207</v>
      </c>
      <c r="F71" s="24" t="s">
        <v>455</v>
      </c>
      <c r="G71" s="25" t="s">
        <v>208</v>
      </c>
      <c r="H71" s="26" t="s">
        <v>648</v>
      </c>
      <c r="I71" s="27" t="s">
        <v>787</v>
      </c>
    </row>
    <row r="72" spans="2:9" s="10" customFormat="1" x14ac:dyDescent="0.2">
      <c r="B72" s="20"/>
      <c r="C72" s="21"/>
      <c r="D72" s="22" t="s">
        <v>209</v>
      </c>
      <c r="E72" s="23" t="s">
        <v>210</v>
      </c>
      <c r="F72" s="24" t="s">
        <v>456</v>
      </c>
      <c r="G72" s="25" t="s">
        <v>211</v>
      </c>
      <c r="H72" s="26" t="s">
        <v>649</v>
      </c>
      <c r="I72" s="27" t="s">
        <v>788</v>
      </c>
    </row>
    <row r="73" spans="2:9" s="10" customFormat="1" x14ac:dyDescent="0.2">
      <c r="B73" s="20"/>
      <c r="C73" s="21"/>
      <c r="D73" s="22" t="s">
        <v>212</v>
      </c>
      <c r="E73" s="23" t="s">
        <v>213</v>
      </c>
      <c r="F73" s="24" t="s">
        <v>457</v>
      </c>
      <c r="G73" s="25" t="s">
        <v>214</v>
      </c>
      <c r="H73" s="26" t="s">
        <v>650</v>
      </c>
      <c r="I73" s="27" t="s">
        <v>789</v>
      </c>
    </row>
    <row r="74" spans="2:9" s="10" customFormat="1" x14ac:dyDescent="0.2">
      <c r="B74" s="20"/>
      <c r="C74" s="21"/>
      <c r="D74" s="22" t="s">
        <v>215</v>
      </c>
      <c r="E74" s="23" t="s">
        <v>216</v>
      </c>
      <c r="F74" s="24" t="s">
        <v>457</v>
      </c>
      <c r="G74" s="25" t="s">
        <v>217</v>
      </c>
      <c r="H74" s="26" t="s">
        <v>651</v>
      </c>
      <c r="I74" s="27" t="s">
        <v>790</v>
      </c>
    </row>
    <row r="75" spans="2:9" s="10" customFormat="1" x14ac:dyDescent="0.2">
      <c r="B75" s="20"/>
      <c r="C75" s="28"/>
      <c r="D75" s="38" t="s">
        <v>218</v>
      </c>
      <c r="E75" s="30" t="s">
        <v>219</v>
      </c>
      <c r="F75" s="31" t="s">
        <v>458</v>
      </c>
      <c r="G75" s="32" t="s">
        <v>220</v>
      </c>
      <c r="H75" s="28" t="s">
        <v>652</v>
      </c>
      <c r="I75" s="33" t="s">
        <v>791</v>
      </c>
    </row>
    <row r="76" spans="2:9" s="10" customFormat="1" x14ac:dyDescent="0.2">
      <c r="B76" s="20"/>
      <c r="C76" s="39" t="s">
        <v>221</v>
      </c>
      <c r="D76" s="34" t="s">
        <v>222</v>
      </c>
      <c r="E76" s="12" t="s">
        <v>223</v>
      </c>
      <c r="F76" s="35" t="s">
        <v>459</v>
      </c>
      <c r="G76" s="36" t="s">
        <v>224</v>
      </c>
      <c r="H76" s="21" t="s">
        <v>653</v>
      </c>
      <c r="I76" s="37" t="s">
        <v>792</v>
      </c>
    </row>
    <row r="77" spans="2:9" s="10" customFormat="1" x14ac:dyDescent="0.2">
      <c r="B77" s="20"/>
      <c r="C77" s="39" t="s">
        <v>869</v>
      </c>
      <c r="D77" s="22" t="s">
        <v>225</v>
      </c>
      <c r="E77" s="23" t="s">
        <v>226</v>
      </c>
      <c r="F77" s="24" t="s">
        <v>460</v>
      </c>
      <c r="G77" s="25" t="s">
        <v>227</v>
      </c>
      <c r="H77" s="26" t="s">
        <v>654</v>
      </c>
      <c r="I77" s="27" t="s">
        <v>793</v>
      </c>
    </row>
    <row r="78" spans="2:9" s="10" customFormat="1" x14ac:dyDescent="0.2">
      <c r="B78" s="20"/>
      <c r="C78" s="39"/>
      <c r="D78" s="22" t="s">
        <v>228</v>
      </c>
      <c r="E78" s="23" t="s">
        <v>229</v>
      </c>
      <c r="F78" s="24" t="s">
        <v>461</v>
      </c>
      <c r="G78" s="25" t="s">
        <v>230</v>
      </c>
      <c r="H78" s="26" t="s">
        <v>655</v>
      </c>
      <c r="I78" s="27" t="s">
        <v>794</v>
      </c>
    </row>
    <row r="79" spans="2:9" s="10" customFormat="1" x14ac:dyDescent="0.2">
      <c r="B79" s="20"/>
      <c r="C79" s="39"/>
      <c r="D79" s="22" t="s">
        <v>231</v>
      </c>
      <c r="E79" s="23" t="s">
        <v>232</v>
      </c>
      <c r="F79" s="24" t="s">
        <v>462</v>
      </c>
      <c r="G79" s="25" t="s">
        <v>233</v>
      </c>
      <c r="H79" s="26" t="s">
        <v>656</v>
      </c>
      <c r="I79" s="27" t="s">
        <v>795</v>
      </c>
    </row>
    <row r="80" spans="2:9" s="10" customFormat="1" x14ac:dyDescent="0.2">
      <c r="B80" s="20"/>
      <c r="C80" s="39"/>
      <c r="D80" s="22" t="s">
        <v>234</v>
      </c>
      <c r="E80" s="23" t="s">
        <v>235</v>
      </c>
      <c r="F80" s="24" t="s">
        <v>463</v>
      </c>
      <c r="G80" s="25" t="s">
        <v>236</v>
      </c>
      <c r="H80" s="26" t="s">
        <v>657</v>
      </c>
      <c r="I80" s="27" t="s">
        <v>796</v>
      </c>
    </row>
    <row r="81" spans="2:9" s="10" customFormat="1" x14ac:dyDescent="0.2">
      <c r="B81" s="20"/>
      <c r="C81" s="39"/>
      <c r="D81" s="22" t="s">
        <v>237</v>
      </c>
      <c r="E81" s="23" t="s">
        <v>238</v>
      </c>
      <c r="F81" s="24" t="s">
        <v>464</v>
      </c>
      <c r="G81" s="25" t="s">
        <v>239</v>
      </c>
      <c r="H81" s="26" t="s">
        <v>658</v>
      </c>
      <c r="I81" s="27" t="s">
        <v>797</v>
      </c>
    </row>
    <row r="82" spans="2:9" s="10" customFormat="1" x14ac:dyDescent="0.2">
      <c r="B82" s="20"/>
      <c r="C82" s="39"/>
      <c r="D82" s="22" t="s">
        <v>240</v>
      </c>
      <c r="E82" s="23" t="s">
        <v>241</v>
      </c>
      <c r="F82" s="24" t="s">
        <v>464</v>
      </c>
      <c r="G82" s="25" t="s">
        <v>242</v>
      </c>
      <c r="H82" s="26" t="s">
        <v>659</v>
      </c>
      <c r="I82" s="27" t="s">
        <v>798</v>
      </c>
    </row>
    <row r="83" spans="2:9" s="10" customFormat="1" x14ac:dyDescent="0.2">
      <c r="B83" s="20"/>
      <c r="C83" s="39"/>
      <c r="D83" s="22" t="s">
        <v>243</v>
      </c>
      <c r="E83" s="23" t="s">
        <v>244</v>
      </c>
      <c r="F83" s="24" t="s">
        <v>465</v>
      </c>
      <c r="G83" s="25" t="s">
        <v>245</v>
      </c>
      <c r="H83" s="26" t="s">
        <v>660</v>
      </c>
      <c r="I83" s="27" t="s">
        <v>799</v>
      </c>
    </row>
    <row r="84" spans="2:9" s="10" customFormat="1" x14ac:dyDescent="0.2">
      <c r="B84" s="20"/>
      <c r="C84" s="39"/>
      <c r="D84" s="48" t="s">
        <v>246</v>
      </c>
      <c r="E84" s="12" t="s">
        <v>247</v>
      </c>
      <c r="F84" s="35" t="s">
        <v>463</v>
      </c>
      <c r="G84" s="36" t="s">
        <v>248</v>
      </c>
      <c r="H84" s="21" t="s">
        <v>661</v>
      </c>
      <c r="I84" s="37" t="s">
        <v>800</v>
      </c>
    </row>
    <row r="85" spans="2:9" s="10" customFormat="1" x14ac:dyDescent="0.2">
      <c r="B85" s="20"/>
      <c r="C85" s="14" t="s">
        <v>249</v>
      </c>
      <c r="D85" s="15" t="s">
        <v>250</v>
      </c>
      <c r="E85" s="16" t="s">
        <v>251</v>
      </c>
      <c r="F85" s="17" t="s">
        <v>466</v>
      </c>
      <c r="G85" s="18" t="s">
        <v>252</v>
      </c>
      <c r="H85" s="14" t="s">
        <v>662</v>
      </c>
      <c r="I85" s="19" t="s">
        <v>801</v>
      </c>
    </row>
    <row r="86" spans="2:9" s="10" customFormat="1" x14ac:dyDescent="0.2">
      <c r="B86" s="20"/>
      <c r="C86" s="21" t="s">
        <v>5</v>
      </c>
      <c r="D86" s="22" t="s">
        <v>253</v>
      </c>
      <c r="E86" s="23" t="s">
        <v>254</v>
      </c>
      <c r="F86" s="24" t="s">
        <v>255</v>
      </c>
      <c r="G86" s="25" t="s">
        <v>256</v>
      </c>
      <c r="H86" s="26" t="s">
        <v>663</v>
      </c>
      <c r="I86" s="27" t="s">
        <v>802</v>
      </c>
    </row>
    <row r="87" spans="2:9" s="10" customFormat="1" x14ac:dyDescent="0.2">
      <c r="B87" s="20"/>
      <c r="C87" s="21"/>
      <c r="D87" s="22" t="s">
        <v>257</v>
      </c>
      <c r="E87" s="23" t="s">
        <v>258</v>
      </c>
      <c r="F87" s="24" t="s">
        <v>467</v>
      </c>
      <c r="G87" s="25" t="s">
        <v>259</v>
      </c>
      <c r="H87" s="26" t="s">
        <v>664</v>
      </c>
      <c r="I87" s="27" t="s">
        <v>803</v>
      </c>
    </row>
    <row r="88" spans="2:9" s="10" customFormat="1" x14ac:dyDescent="0.2">
      <c r="B88" s="20"/>
      <c r="C88" s="21"/>
      <c r="D88" s="22" t="s">
        <v>260</v>
      </c>
      <c r="E88" s="23" t="s">
        <v>261</v>
      </c>
      <c r="F88" s="24" t="s">
        <v>262</v>
      </c>
      <c r="G88" s="25" t="s">
        <v>263</v>
      </c>
      <c r="H88" s="26" t="s">
        <v>665</v>
      </c>
      <c r="I88" s="27" t="s">
        <v>804</v>
      </c>
    </row>
    <row r="89" spans="2:9" s="10" customFormat="1" x14ac:dyDescent="0.2">
      <c r="B89" s="20"/>
      <c r="C89" s="21"/>
      <c r="D89" s="22" t="s">
        <v>264</v>
      </c>
      <c r="E89" s="23" t="s">
        <v>265</v>
      </c>
      <c r="F89" s="24" t="s">
        <v>468</v>
      </c>
      <c r="G89" s="25" t="s">
        <v>266</v>
      </c>
      <c r="H89" s="26" t="s">
        <v>666</v>
      </c>
      <c r="I89" s="27" t="s">
        <v>805</v>
      </c>
    </row>
    <row r="90" spans="2:9" s="10" customFormat="1" x14ac:dyDescent="0.2">
      <c r="B90" s="20"/>
      <c r="C90" s="21"/>
      <c r="D90" s="22" t="s">
        <v>267</v>
      </c>
      <c r="E90" s="23" t="s">
        <v>268</v>
      </c>
      <c r="F90" s="24" t="s">
        <v>469</v>
      </c>
      <c r="G90" s="25" t="s">
        <v>269</v>
      </c>
      <c r="H90" s="26" t="s">
        <v>667</v>
      </c>
      <c r="I90" s="27" t="s">
        <v>806</v>
      </c>
    </row>
    <row r="91" spans="2:9" s="10" customFormat="1" x14ac:dyDescent="0.2">
      <c r="B91" s="20"/>
      <c r="C91" s="21"/>
      <c r="D91" s="22" t="s">
        <v>270</v>
      </c>
      <c r="E91" s="23" t="s">
        <v>271</v>
      </c>
      <c r="F91" s="24" t="s">
        <v>467</v>
      </c>
      <c r="G91" s="25" t="s">
        <v>272</v>
      </c>
      <c r="H91" s="26" t="s">
        <v>668</v>
      </c>
      <c r="I91" s="27" t="s">
        <v>807</v>
      </c>
    </row>
    <row r="92" spans="2:9" s="10" customFormat="1" x14ac:dyDescent="0.2">
      <c r="B92" s="20"/>
      <c r="C92" s="21"/>
      <c r="D92" s="22" t="s">
        <v>273</v>
      </c>
      <c r="E92" s="23" t="s">
        <v>274</v>
      </c>
      <c r="F92" s="24" t="s">
        <v>470</v>
      </c>
      <c r="G92" s="25" t="s">
        <v>275</v>
      </c>
      <c r="H92" s="26" t="s">
        <v>669</v>
      </c>
      <c r="I92" s="27" t="s">
        <v>808</v>
      </c>
    </row>
    <row r="93" spans="2:9" s="10" customFormat="1" x14ac:dyDescent="0.2">
      <c r="B93" s="20"/>
      <c r="C93" s="28"/>
      <c r="D93" s="38" t="s">
        <v>276</v>
      </c>
      <c r="E93" s="30" t="s">
        <v>277</v>
      </c>
      <c r="F93" s="31" t="s">
        <v>471</v>
      </c>
      <c r="G93" s="32" t="s">
        <v>278</v>
      </c>
      <c r="H93" s="28" t="s">
        <v>670</v>
      </c>
      <c r="I93" s="33" t="s">
        <v>809</v>
      </c>
    </row>
    <row r="94" spans="2:9" s="10" customFormat="1" x14ac:dyDescent="0.2">
      <c r="B94" s="20"/>
      <c r="C94" s="39" t="s">
        <v>279</v>
      </c>
      <c r="D94" s="34" t="s">
        <v>280</v>
      </c>
      <c r="E94" s="12" t="s">
        <v>281</v>
      </c>
      <c r="F94" s="35" t="s">
        <v>472</v>
      </c>
      <c r="G94" s="36" t="s">
        <v>282</v>
      </c>
      <c r="H94" s="21" t="s">
        <v>671</v>
      </c>
      <c r="I94" s="37" t="s">
        <v>810</v>
      </c>
    </row>
    <row r="95" spans="2:9" s="10" customFormat="1" x14ac:dyDescent="0.2">
      <c r="B95" s="20"/>
      <c r="C95" s="39" t="s">
        <v>868</v>
      </c>
      <c r="D95" s="22" t="s">
        <v>283</v>
      </c>
      <c r="E95" s="23" t="s">
        <v>284</v>
      </c>
      <c r="F95" s="24" t="s">
        <v>473</v>
      </c>
      <c r="G95" s="25" t="s">
        <v>285</v>
      </c>
      <c r="H95" s="26" t="s">
        <v>672</v>
      </c>
      <c r="I95" s="27" t="s">
        <v>811</v>
      </c>
    </row>
    <row r="96" spans="2:9" s="10" customFormat="1" ht="14.25" customHeight="1" x14ac:dyDescent="0.2">
      <c r="B96" s="20"/>
      <c r="C96" s="39"/>
      <c r="D96" s="22" t="s">
        <v>286</v>
      </c>
      <c r="E96" s="23" t="s">
        <v>287</v>
      </c>
      <c r="F96" s="24" t="s">
        <v>474</v>
      </c>
      <c r="G96" s="25" t="s">
        <v>288</v>
      </c>
      <c r="H96" s="26" t="s">
        <v>673</v>
      </c>
      <c r="I96" s="27" t="s">
        <v>812</v>
      </c>
    </row>
    <row r="97" spans="2:9" s="10" customFormat="1" x14ac:dyDescent="0.2">
      <c r="B97" s="20"/>
      <c r="C97" s="39"/>
      <c r="D97" s="22" t="s">
        <v>289</v>
      </c>
      <c r="E97" s="23" t="s">
        <v>290</v>
      </c>
      <c r="F97" s="24" t="s">
        <v>475</v>
      </c>
      <c r="G97" s="25" t="s">
        <v>291</v>
      </c>
      <c r="H97" s="26" t="s">
        <v>674</v>
      </c>
      <c r="I97" s="27" t="s">
        <v>813</v>
      </c>
    </row>
    <row r="98" spans="2:9" s="10" customFormat="1" x14ac:dyDescent="0.2">
      <c r="B98" s="20"/>
      <c r="C98" s="21"/>
      <c r="D98" s="34" t="s">
        <v>292</v>
      </c>
      <c r="E98" s="12" t="s">
        <v>293</v>
      </c>
      <c r="F98" s="35" t="s">
        <v>475</v>
      </c>
      <c r="G98" s="36" t="s">
        <v>294</v>
      </c>
      <c r="H98" s="21" t="s">
        <v>675</v>
      </c>
      <c r="I98" s="37" t="s">
        <v>814</v>
      </c>
    </row>
    <row r="99" spans="2:9" s="10" customFormat="1" x14ac:dyDescent="0.2">
      <c r="B99" s="20"/>
      <c r="C99" s="14" t="s">
        <v>295</v>
      </c>
      <c r="D99" s="15" t="s">
        <v>296</v>
      </c>
      <c r="E99" s="16" t="s">
        <v>297</v>
      </c>
      <c r="F99" s="17" t="s">
        <v>476</v>
      </c>
      <c r="G99" s="18" t="s">
        <v>477</v>
      </c>
      <c r="H99" s="14" t="s">
        <v>676</v>
      </c>
      <c r="I99" s="19" t="s">
        <v>815</v>
      </c>
    </row>
    <row r="100" spans="2:9" s="10" customFormat="1" x14ac:dyDescent="0.2">
      <c r="B100" s="20"/>
      <c r="C100" s="21" t="s">
        <v>298</v>
      </c>
      <c r="D100" s="22" t="s">
        <v>299</v>
      </c>
      <c r="E100" s="23" t="s">
        <v>300</v>
      </c>
      <c r="F100" s="24" t="s">
        <v>478</v>
      </c>
      <c r="G100" s="25" t="s">
        <v>479</v>
      </c>
      <c r="H100" s="26" t="s">
        <v>677</v>
      </c>
      <c r="I100" s="27" t="s">
        <v>816</v>
      </c>
    </row>
    <row r="101" spans="2:9" s="10" customFormat="1" x14ac:dyDescent="0.2">
      <c r="B101" s="20"/>
      <c r="C101" s="21"/>
      <c r="D101" s="22" t="s">
        <v>301</v>
      </c>
      <c r="E101" s="23" t="s">
        <v>302</v>
      </c>
      <c r="F101" s="24" t="s">
        <v>480</v>
      </c>
      <c r="G101" s="25" t="s">
        <v>481</v>
      </c>
      <c r="H101" s="26" t="s">
        <v>884</v>
      </c>
      <c r="I101" s="27" t="s">
        <v>817</v>
      </c>
    </row>
    <row r="102" spans="2:9" s="10" customFormat="1" ht="14.25" customHeight="1" x14ac:dyDescent="0.2">
      <c r="B102" s="20"/>
      <c r="C102" s="21"/>
      <c r="D102" s="22" t="s">
        <v>303</v>
      </c>
      <c r="E102" s="23" t="s">
        <v>304</v>
      </c>
      <c r="F102" s="24" t="s">
        <v>482</v>
      </c>
      <c r="G102" s="25" t="s">
        <v>483</v>
      </c>
      <c r="H102" s="26" t="s">
        <v>678</v>
      </c>
      <c r="I102" s="27" t="s">
        <v>818</v>
      </c>
    </row>
    <row r="103" spans="2:9" s="10" customFormat="1" ht="14.25" customHeight="1" x14ac:dyDescent="0.2">
      <c r="B103" s="20"/>
      <c r="C103" s="21"/>
      <c r="D103" s="22" t="s">
        <v>305</v>
      </c>
      <c r="E103" s="23" t="s">
        <v>306</v>
      </c>
      <c r="F103" s="24" t="s">
        <v>476</v>
      </c>
      <c r="G103" s="25" t="s">
        <v>484</v>
      </c>
      <c r="H103" s="26" t="s">
        <v>679</v>
      </c>
      <c r="I103" s="27" t="s">
        <v>819</v>
      </c>
    </row>
    <row r="104" spans="2:9" s="10" customFormat="1" ht="14.25" customHeight="1" x14ac:dyDescent="0.2">
      <c r="B104" s="20"/>
      <c r="C104" s="21"/>
      <c r="D104" s="22" t="s">
        <v>307</v>
      </c>
      <c r="E104" s="23" t="s">
        <v>308</v>
      </c>
      <c r="F104" s="24" t="s">
        <v>485</v>
      </c>
      <c r="G104" s="25" t="s">
        <v>486</v>
      </c>
      <c r="H104" s="26" t="s">
        <v>680</v>
      </c>
      <c r="I104" s="27" t="s">
        <v>820</v>
      </c>
    </row>
    <row r="105" spans="2:9" s="10" customFormat="1" ht="14.25" customHeight="1" x14ac:dyDescent="0.2">
      <c r="B105" s="20"/>
      <c r="C105" s="21"/>
      <c r="D105" s="22" t="s">
        <v>309</v>
      </c>
      <c r="E105" s="23" t="s">
        <v>310</v>
      </c>
      <c r="F105" s="24" t="s">
        <v>487</v>
      </c>
      <c r="G105" s="25" t="s">
        <v>488</v>
      </c>
      <c r="H105" s="26" t="s">
        <v>681</v>
      </c>
      <c r="I105" s="27" t="s">
        <v>821</v>
      </c>
    </row>
    <row r="106" spans="2:9" s="10" customFormat="1" ht="14.25" customHeight="1" x14ac:dyDescent="0.2">
      <c r="B106" s="20"/>
      <c r="C106" s="21"/>
      <c r="D106" s="22" t="s">
        <v>311</v>
      </c>
      <c r="E106" s="23" t="s">
        <v>312</v>
      </c>
      <c r="F106" s="24" t="s">
        <v>489</v>
      </c>
      <c r="G106" s="25" t="s">
        <v>490</v>
      </c>
      <c r="H106" s="26" t="s">
        <v>682</v>
      </c>
      <c r="I106" s="27" t="s">
        <v>822</v>
      </c>
    </row>
    <row r="107" spans="2:9" s="10" customFormat="1" ht="14.25" customHeight="1" x14ac:dyDescent="0.2">
      <c r="B107" s="20"/>
      <c r="C107" s="21"/>
      <c r="D107" s="22" t="s">
        <v>313</v>
      </c>
      <c r="E107" s="23" t="s">
        <v>314</v>
      </c>
      <c r="F107" s="24" t="s">
        <v>491</v>
      </c>
      <c r="G107" s="25" t="s">
        <v>492</v>
      </c>
      <c r="H107" s="26" t="s">
        <v>683</v>
      </c>
      <c r="I107" s="27" t="s">
        <v>823</v>
      </c>
    </row>
    <row r="108" spans="2:9" s="10" customFormat="1" ht="14.25" customHeight="1" x14ac:dyDescent="0.2">
      <c r="B108" s="20"/>
      <c r="C108" s="21"/>
      <c r="D108" s="22" t="s">
        <v>315</v>
      </c>
      <c r="E108" s="23" t="s">
        <v>316</v>
      </c>
      <c r="F108" s="24" t="s">
        <v>493</v>
      </c>
      <c r="G108" s="25" t="s">
        <v>494</v>
      </c>
      <c r="H108" s="26" t="s">
        <v>684</v>
      </c>
      <c r="I108" s="27" t="s">
        <v>824</v>
      </c>
    </row>
    <row r="109" spans="2:9" s="10" customFormat="1" ht="14.25" customHeight="1" x14ac:dyDescent="0.2">
      <c r="B109" s="20"/>
      <c r="C109" s="21"/>
      <c r="D109" s="22" t="s">
        <v>317</v>
      </c>
      <c r="E109" s="23" t="s">
        <v>318</v>
      </c>
      <c r="F109" s="24" t="s">
        <v>495</v>
      </c>
      <c r="G109" s="25" t="s">
        <v>496</v>
      </c>
      <c r="H109" s="26" t="s">
        <v>685</v>
      </c>
      <c r="I109" s="27" t="s">
        <v>825</v>
      </c>
    </row>
    <row r="110" spans="2:9" s="10" customFormat="1" ht="14.25" customHeight="1" x14ac:dyDescent="0.2">
      <c r="B110" s="20"/>
      <c r="C110" s="21"/>
      <c r="D110" s="34" t="s">
        <v>319</v>
      </c>
      <c r="E110" s="12" t="s">
        <v>320</v>
      </c>
      <c r="F110" s="35" t="s">
        <v>497</v>
      </c>
      <c r="G110" s="36" t="s">
        <v>321</v>
      </c>
      <c r="H110" s="21" t="s">
        <v>686</v>
      </c>
      <c r="I110" s="37" t="s">
        <v>826</v>
      </c>
    </row>
    <row r="111" spans="2:9" s="10" customFormat="1" ht="14.25" customHeight="1" x14ac:dyDescent="0.2">
      <c r="B111" s="20"/>
      <c r="C111" s="28"/>
      <c r="D111" s="49" t="s">
        <v>322</v>
      </c>
      <c r="E111" s="50" t="s">
        <v>323</v>
      </c>
      <c r="F111" s="51" t="s">
        <v>324</v>
      </c>
      <c r="G111" s="52" t="s">
        <v>325</v>
      </c>
      <c r="H111" s="53" t="s">
        <v>687</v>
      </c>
      <c r="I111" s="54" t="s">
        <v>827</v>
      </c>
    </row>
    <row r="112" spans="2:9" s="10" customFormat="1" x14ac:dyDescent="0.2">
      <c r="B112" s="20"/>
      <c r="C112" s="21" t="s">
        <v>326</v>
      </c>
      <c r="D112" s="34" t="s">
        <v>327</v>
      </c>
      <c r="E112" s="12" t="s">
        <v>328</v>
      </c>
      <c r="F112" s="35" t="s">
        <v>498</v>
      </c>
      <c r="G112" s="36" t="s">
        <v>499</v>
      </c>
      <c r="H112" s="21" t="s">
        <v>688</v>
      </c>
      <c r="I112" s="37" t="s">
        <v>828</v>
      </c>
    </row>
    <row r="113" spans="2:9" s="10" customFormat="1" x14ac:dyDescent="0.2">
      <c r="B113" s="20"/>
      <c r="C113" s="21" t="s">
        <v>87</v>
      </c>
      <c r="D113" s="22" t="s">
        <v>329</v>
      </c>
      <c r="E113" s="23" t="s">
        <v>330</v>
      </c>
      <c r="F113" s="24" t="s">
        <v>500</v>
      </c>
      <c r="G113" s="25" t="s">
        <v>501</v>
      </c>
      <c r="H113" s="26" t="s">
        <v>689</v>
      </c>
      <c r="I113" s="27" t="s">
        <v>829</v>
      </c>
    </row>
    <row r="114" spans="2:9" s="10" customFormat="1" ht="14.25" customHeight="1" x14ac:dyDescent="0.2">
      <c r="B114" s="20"/>
      <c r="C114" s="21"/>
      <c r="D114" s="22" t="s">
        <v>331</v>
      </c>
      <c r="E114" s="23" t="s">
        <v>332</v>
      </c>
      <c r="F114" s="24" t="s">
        <v>502</v>
      </c>
      <c r="G114" s="25" t="s">
        <v>503</v>
      </c>
      <c r="H114" s="26" t="s">
        <v>690</v>
      </c>
      <c r="I114" s="27" t="s">
        <v>830</v>
      </c>
    </row>
    <row r="115" spans="2:9" s="10" customFormat="1" ht="14.25" customHeight="1" x14ac:dyDescent="0.2">
      <c r="B115" s="20"/>
      <c r="C115" s="21"/>
      <c r="D115" s="22" t="s">
        <v>333</v>
      </c>
      <c r="E115" s="23" t="s">
        <v>334</v>
      </c>
      <c r="F115" s="24" t="s">
        <v>504</v>
      </c>
      <c r="G115" s="25" t="s">
        <v>335</v>
      </c>
      <c r="H115" s="26" t="s">
        <v>691</v>
      </c>
      <c r="I115" s="27" t="s">
        <v>831</v>
      </c>
    </row>
    <row r="116" spans="2:9" s="10" customFormat="1" x14ac:dyDescent="0.2">
      <c r="B116" s="20"/>
      <c r="C116" s="21"/>
      <c r="D116" s="22" t="s">
        <v>336</v>
      </c>
      <c r="E116" s="23" t="s">
        <v>337</v>
      </c>
      <c r="F116" s="24" t="s">
        <v>505</v>
      </c>
      <c r="G116" s="25" t="s">
        <v>506</v>
      </c>
      <c r="H116" s="26" t="s">
        <v>692</v>
      </c>
      <c r="I116" s="27" t="s">
        <v>832</v>
      </c>
    </row>
    <row r="117" spans="2:9" s="10" customFormat="1" x14ac:dyDescent="0.2">
      <c r="B117" s="20"/>
      <c r="C117" s="21"/>
      <c r="D117" s="22" t="s">
        <v>338</v>
      </c>
      <c r="E117" s="23" t="s">
        <v>339</v>
      </c>
      <c r="F117" s="24" t="s">
        <v>507</v>
      </c>
      <c r="G117" s="25" t="s">
        <v>508</v>
      </c>
      <c r="H117" s="26" t="s">
        <v>693</v>
      </c>
      <c r="I117" s="27" t="s">
        <v>833</v>
      </c>
    </row>
    <row r="118" spans="2:9" s="10" customFormat="1" x14ac:dyDescent="0.2">
      <c r="B118" s="20"/>
      <c r="C118" s="21"/>
      <c r="D118" s="23" t="s">
        <v>340</v>
      </c>
      <c r="E118" s="23" t="s">
        <v>341</v>
      </c>
      <c r="F118" s="24" t="s">
        <v>342</v>
      </c>
      <c r="G118" s="25" t="s">
        <v>343</v>
      </c>
      <c r="H118" s="26" t="s">
        <v>694</v>
      </c>
      <c r="I118" s="27" t="s">
        <v>834</v>
      </c>
    </row>
    <row r="119" spans="2:9" s="10" customFormat="1" x14ac:dyDescent="0.2">
      <c r="B119" s="20"/>
      <c r="C119" s="21"/>
      <c r="D119" s="34" t="s">
        <v>344</v>
      </c>
      <c r="E119" s="12" t="s">
        <v>345</v>
      </c>
      <c r="F119" s="21" t="s">
        <v>346</v>
      </c>
      <c r="G119" s="36" t="s">
        <v>347</v>
      </c>
      <c r="H119" s="21" t="s">
        <v>695</v>
      </c>
      <c r="I119" s="46" t="s">
        <v>835</v>
      </c>
    </row>
    <row r="120" spans="2:9" s="10" customFormat="1" x14ac:dyDescent="0.2">
      <c r="B120" s="20"/>
      <c r="C120" s="14" t="s">
        <v>348</v>
      </c>
      <c r="D120" s="16" t="s">
        <v>349</v>
      </c>
      <c r="E120" s="16" t="s">
        <v>350</v>
      </c>
      <c r="F120" s="17" t="s">
        <v>509</v>
      </c>
      <c r="G120" s="18" t="s">
        <v>510</v>
      </c>
      <c r="H120" s="14" t="s">
        <v>696</v>
      </c>
      <c r="I120" s="19" t="s">
        <v>836</v>
      </c>
    </row>
    <row r="121" spans="2:9" s="10" customFormat="1" x14ac:dyDescent="0.2">
      <c r="B121" s="20"/>
      <c r="C121" s="21" t="s">
        <v>113</v>
      </c>
      <c r="D121" s="22" t="s">
        <v>351</v>
      </c>
      <c r="E121" s="23" t="s">
        <v>352</v>
      </c>
      <c r="F121" s="24" t="s">
        <v>511</v>
      </c>
      <c r="G121" s="25" t="s">
        <v>512</v>
      </c>
      <c r="H121" s="26" t="s">
        <v>697</v>
      </c>
      <c r="I121" s="27" t="s">
        <v>837</v>
      </c>
    </row>
    <row r="122" spans="2:9" s="10" customFormat="1" x14ac:dyDescent="0.2">
      <c r="B122" s="20"/>
      <c r="C122" s="21"/>
      <c r="D122" s="22" t="s">
        <v>353</v>
      </c>
      <c r="E122" s="23" t="s">
        <v>354</v>
      </c>
      <c r="F122" s="24" t="s">
        <v>513</v>
      </c>
      <c r="G122" s="25" t="s">
        <v>514</v>
      </c>
      <c r="H122" s="26" t="s">
        <v>698</v>
      </c>
      <c r="I122" s="27" t="s">
        <v>838</v>
      </c>
    </row>
    <row r="123" spans="2:9" s="10" customFormat="1" x14ac:dyDescent="0.2">
      <c r="B123" s="20"/>
      <c r="C123" s="21"/>
      <c r="D123" s="22" t="s">
        <v>355</v>
      </c>
      <c r="E123" s="23" t="s">
        <v>356</v>
      </c>
      <c r="F123" s="24" t="s">
        <v>515</v>
      </c>
      <c r="G123" s="25" t="s">
        <v>516</v>
      </c>
      <c r="H123" s="26" t="s">
        <v>699</v>
      </c>
      <c r="I123" s="27" t="s">
        <v>839</v>
      </c>
    </row>
    <row r="124" spans="2:9" s="10" customFormat="1" x14ac:dyDescent="0.2">
      <c r="B124" s="20"/>
      <c r="C124" s="21"/>
      <c r="D124" s="22" t="s">
        <v>357</v>
      </c>
      <c r="E124" s="23" t="s">
        <v>358</v>
      </c>
      <c r="F124" s="24" t="s">
        <v>517</v>
      </c>
      <c r="G124" s="25" t="s">
        <v>518</v>
      </c>
      <c r="H124" s="26" t="s">
        <v>700</v>
      </c>
      <c r="I124" s="27" t="s">
        <v>840</v>
      </c>
    </row>
    <row r="125" spans="2:9" s="10" customFormat="1" x14ac:dyDescent="0.2">
      <c r="B125" s="20"/>
      <c r="C125" s="21"/>
      <c r="D125" s="22" t="s">
        <v>359</v>
      </c>
      <c r="E125" s="23" t="s">
        <v>360</v>
      </c>
      <c r="F125" s="24" t="s">
        <v>519</v>
      </c>
      <c r="G125" s="25" t="s">
        <v>520</v>
      </c>
      <c r="H125" s="26" t="s">
        <v>701</v>
      </c>
      <c r="I125" s="27" t="s">
        <v>841</v>
      </c>
    </row>
    <row r="126" spans="2:9" s="10" customFormat="1" x14ac:dyDescent="0.2">
      <c r="B126" s="20"/>
      <c r="C126" s="21"/>
      <c r="D126" s="22" t="s">
        <v>361</v>
      </c>
      <c r="E126" s="23" t="s">
        <v>362</v>
      </c>
      <c r="F126" s="24" t="s">
        <v>521</v>
      </c>
      <c r="G126" s="25" t="s">
        <v>522</v>
      </c>
      <c r="H126" s="26" t="s">
        <v>702</v>
      </c>
      <c r="I126" s="27" t="s">
        <v>842</v>
      </c>
    </row>
    <row r="127" spans="2:9" s="10" customFormat="1" x14ac:dyDescent="0.2">
      <c r="B127" s="20"/>
      <c r="C127" s="21"/>
      <c r="D127" s="22" t="s">
        <v>363</v>
      </c>
      <c r="E127" s="23" t="s">
        <v>364</v>
      </c>
      <c r="F127" s="24" t="s">
        <v>523</v>
      </c>
      <c r="G127" s="25" t="s">
        <v>524</v>
      </c>
      <c r="H127" s="26" t="s">
        <v>703</v>
      </c>
      <c r="I127" s="27" t="s">
        <v>843</v>
      </c>
    </row>
    <row r="128" spans="2:9" s="10" customFormat="1" x14ac:dyDescent="0.2">
      <c r="B128" s="20"/>
      <c r="C128" s="21"/>
      <c r="D128" s="22" t="s">
        <v>365</v>
      </c>
      <c r="E128" s="23" t="s">
        <v>366</v>
      </c>
      <c r="F128" s="24" t="s">
        <v>525</v>
      </c>
      <c r="G128" s="25" t="s">
        <v>526</v>
      </c>
      <c r="H128" s="26" t="s">
        <v>704</v>
      </c>
      <c r="I128" s="27" t="s">
        <v>844</v>
      </c>
    </row>
    <row r="129" spans="2:9" s="10" customFormat="1" x14ac:dyDescent="0.2">
      <c r="B129" s="20"/>
      <c r="C129" s="21"/>
      <c r="D129" s="22" t="s">
        <v>367</v>
      </c>
      <c r="E129" s="23" t="s">
        <v>368</v>
      </c>
      <c r="F129" s="24" t="s">
        <v>527</v>
      </c>
      <c r="G129" s="25" t="s">
        <v>528</v>
      </c>
      <c r="H129" s="26" t="s">
        <v>705</v>
      </c>
      <c r="I129" s="27" t="s">
        <v>845</v>
      </c>
    </row>
    <row r="130" spans="2:9" s="10" customFormat="1" x14ac:dyDescent="0.2">
      <c r="B130" s="20"/>
      <c r="C130" s="28"/>
      <c r="D130" s="38" t="s">
        <v>369</v>
      </c>
      <c r="E130" s="30" t="s">
        <v>370</v>
      </c>
      <c r="F130" s="31" t="s">
        <v>511</v>
      </c>
      <c r="G130" s="32" t="s">
        <v>529</v>
      </c>
      <c r="H130" s="28" t="s">
        <v>706</v>
      </c>
      <c r="I130" s="33" t="s">
        <v>846</v>
      </c>
    </row>
    <row r="131" spans="2:9" s="10" customFormat="1" x14ac:dyDescent="0.2">
      <c r="B131" s="20"/>
      <c r="C131" s="39" t="s">
        <v>371</v>
      </c>
      <c r="D131" s="34" t="s">
        <v>372</v>
      </c>
      <c r="E131" s="12" t="s">
        <v>373</v>
      </c>
      <c r="F131" s="35" t="s">
        <v>530</v>
      </c>
      <c r="G131" s="36" t="s">
        <v>531</v>
      </c>
      <c r="H131" s="21" t="s">
        <v>707</v>
      </c>
      <c r="I131" s="37" t="s">
        <v>847</v>
      </c>
    </row>
    <row r="132" spans="2:9" s="10" customFormat="1" x14ac:dyDescent="0.2">
      <c r="B132" s="20"/>
      <c r="C132" s="39" t="s">
        <v>866</v>
      </c>
      <c r="D132" s="22" t="s">
        <v>374</v>
      </c>
      <c r="E132" s="23" t="s">
        <v>375</v>
      </c>
      <c r="F132" s="24" t="s">
        <v>532</v>
      </c>
      <c r="G132" s="25" t="s">
        <v>533</v>
      </c>
      <c r="H132" s="26" t="s">
        <v>708</v>
      </c>
      <c r="I132" s="27" t="s">
        <v>848</v>
      </c>
    </row>
    <row r="133" spans="2:9" s="10" customFormat="1" x14ac:dyDescent="0.2">
      <c r="B133" s="20"/>
      <c r="C133" s="39"/>
      <c r="D133" s="22" t="s">
        <v>376</v>
      </c>
      <c r="E133" s="23" t="s">
        <v>377</v>
      </c>
      <c r="F133" s="24" t="s">
        <v>534</v>
      </c>
      <c r="G133" s="25" t="s">
        <v>535</v>
      </c>
      <c r="H133" s="26" t="s">
        <v>709</v>
      </c>
      <c r="I133" s="27" t="s">
        <v>849</v>
      </c>
    </row>
    <row r="134" spans="2:9" s="10" customFormat="1" x14ac:dyDescent="0.2">
      <c r="B134" s="20"/>
      <c r="C134" s="39"/>
      <c r="D134" s="22" t="s">
        <v>378</v>
      </c>
      <c r="E134" s="23" t="s">
        <v>379</v>
      </c>
      <c r="F134" s="24" t="s">
        <v>536</v>
      </c>
      <c r="G134" s="25" t="s">
        <v>887</v>
      </c>
      <c r="H134" s="26" t="s">
        <v>710</v>
      </c>
      <c r="I134" s="27" t="s">
        <v>850</v>
      </c>
    </row>
    <row r="135" spans="2:9" s="10" customFormat="1" x14ac:dyDescent="0.2">
      <c r="B135" s="20"/>
      <c r="C135" s="39"/>
      <c r="D135" s="22" t="s">
        <v>380</v>
      </c>
      <c r="E135" s="23" t="s">
        <v>381</v>
      </c>
      <c r="F135" s="24" t="s">
        <v>537</v>
      </c>
      <c r="G135" s="25" t="s">
        <v>538</v>
      </c>
      <c r="H135" s="26" t="s">
        <v>711</v>
      </c>
      <c r="I135" s="27" t="s">
        <v>851</v>
      </c>
    </row>
    <row r="136" spans="2:9" s="10" customFormat="1" x14ac:dyDescent="0.2">
      <c r="B136" s="20"/>
      <c r="C136" s="21"/>
      <c r="D136" s="34" t="s">
        <v>382</v>
      </c>
      <c r="E136" s="12" t="s">
        <v>383</v>
      </c>
      <c r="F136" s="35" t="s">
        <v>539</v>
      </c>
      <c r="G136" s="36" t="s">
        <v>540</v>
      </c>
      <c r="H136" s="21" t="s">
        <v>712</v>
      </c>
      <c r="I136" s="37" t="s">
        <v>852</v>
      </c>
    </row>
    <row r="137" spans="2:9" s="10" customFormat="1" x14ac:dyDescent="0.2">
      <c r="B137" s="20"/>
      <c r="C137" s="14" t="s">
        <v>384</v>
      </c>
      <c r="D137" s="15" t="s">
        <v>385</v>
      </c>
      <c r="E137" s="16" t="s">
        <v>386</v>
      </c>
      <c r="F137" s="17" t="s">
        <v>541</v>
      </c>
      <c r="G137" s="18" t="s">
        <v>542</v>
      </c>
      <c r="H137" s="14" t="s">
        <v>877</v>
      </c>
      <c r="I137" s="19" t="s">
        <v>853</v>
      </c>
    </row>
    <row r="138" spans="2:9" s="10" customFormat="1" x14ac:dyDescent="0.2">
      <c r="B138" s="20"/>
      <c r="C138" s="21" t="s">
        <v>35</v>
      </c>
      <c r="D138" s="22" t="s">
        <v>387</v>
      </c>
      <c r="E138" s="23" t="s">
        <v>388</v>
      </c>
      <c r="F138" s="24" t="s">
        <v>885</v>
      </c>
      <c r="G138" s="25" t="s">
        <v>870</v>
      </c>
      <c r="H138" s="26" t="s">
        <v>713</v>
      </c>
      <c r="I138" s="27" t="s">
        <v>854</v>
      </c>
    </row>
    <row r="139" spans="2:9" s="10" customFormat="1" x14ac:dyDescent="0.2">
      <c r="B139" s="20"/>
      <c r="C139" s="21"/>
      <c r="D139" s="22" t="s">
        <v>389</v>
      </c>
      <c r="E139" s="23" t="s">
        <v>390</v>
      </c>
      <c r="F139" s="24" t="s">
        <v>886</v>
      </c>
      <c r="G139" s="25" t="s">
        <v>867</v>
      </c>
      <c r="H139" s="26" t="s">
        <v>714</v>
      </c>
      <c r="I139" s="27" t="s">
        <v>855</v>
      </c>
    </row>
    <row r="140" spans="2:9" s="10" customFormat="1" x14ac:dyDescent="0.2">
      <c r="B140" s="20"/>
      <c r="C140" s="21"/>
      <c r="D140" s="22" t="s">
        <v>391</v>
      </c>
      <c r="E140" s="23" t="s">
        <v>392</v>
      </c>
      <c r="F140" s="24" t="s">
        <v>544</v>
      </c>
      <c r="G140" s="25" t="s">
        <v>545</v>
      </c>
      <c r="H140" s="26" t="s">
        <v>715</v>
      </c>
      <c r="I140" s="27" t="s">
        <v>856</v>
      </c>
    </row>
    <row r="141" spans="2:9" s="10" customFormat="1" x14ac:dyDescent="0.2">
      <c r="B141" s="20"/>
      <c r="C141" s="21"/>
      <c r="D141" s="22" t="s">
        <v>393</v>
      </c>
      <c r="E141" s="23" t="s">
        <v>394</v>
      </c>
      <c r="F141" s="24" t="s">
        <v>546</v>
      </c>
      <c r="G141" s="25" t="s">
        <v>547</v>
      </c>
      <c r="H141" s="26" t="s">
        <v>716</v>
      </c>
      <c r="I141" s="27" t="s">
        <v>857</v>
      </c>
    </row>
    <row r="142" spans="2:9" s="10" customFormat="1" x14ac:dyDescent="0.2">
      <c r="B142" s="20"/>
      <c r="C142" s="21"/>
      <c r="D142" s="22" t="s">
        <v>395</v>
      </c>
      <c r="E142" s="23" t="s">
        <v>396</v>
      </c>
      <c r="F142" s="24" t="s">
        <v>543</v>
      </c>
      <c r="G142" s="25" t="s">
        <v>548</v>
      </c>
      <c r="H142" s="26" t="s">
        <v>717</v>
      </c>
      <c r="I142" s="27" t="s">
        <v>858</v>
      </c>
    </row>
    <row r="143" spans="2:9" s="10" customFormat="1" x14ac:dyDescent="0.2">
      <c r="B143" s="20"/>
      <c r="C143" s="28"/>
      <c r="D143" s="29" t="s">
        <v>397</v>
      </c>
      <c r="E143" s="30" t="s">
        <v>398</v>
      </c>
      <c r="F143" s="31" t="s">
        <v>549</v>
      </c>
      <c r="G143" s="32" t="s">
        <v>550</v>
      </c>
      <c r="H143" s="28" t="s">
        <v>718</v>
      </c>
      <c r="I143" s="33" t="s">
        <v>859</v>
      </c>
    </row>
    <row r="144" spans="2:9" s="10" customFormat="1" x14ac:dyDescent="0.2">
      <c r="B144" s="20"/>
      <c r="C144" s="39" t="s">
        <v>399</v>
      </c>
      <c r="D144" s="34" t="s">
        <v>400</v>
      </c>
      <c r="E144" s="12" t="s">
        <v>401</v>
      </c>
      <c r="F144" s="35" t="s">
        <v>551</v>
      </c>
      <c r="G144" s="36" t="s">
        <v>552</v>
      </c>
      <c r="H144" s="21" t="s">
        <v>719</v>
      </c>
      <c r="I144" s="37" t="s">
        <v>860</v>
      </c>
    </row>
    <row r="145" spans="2:9" s="10" customFormat="1" x14ac:dyDescent="0.2">
      <c r="B145" s="20"/>
      <c r="C145" s="39" t="s">
        <v>402</v>
      </c>
      <c r="D145" s="22" t="s">
        <v>403</v>
      </c>
      <c r="E145" s="23" t="s">
        <v>404</v>
      </c>
      <c r="F145" s="24" t="s">
        <v>405</v>
      </c>
      <c r="G145" s="25" t="s">
        <v>553</v>
      </c>
      <c r="H145" s="26" t="s">
        <v>720</v>
      </c>
      <c r="I145" s="27" t="s">
        <v>861</v>
      </c>
    </row>
    <row r="146" spans="2:9" s="10" customFormat="1" x14ac:dyDescent="0.2">
      <c r="B146" s="20"/>
      <c r="C146" s="39"/>
      <c r="D146" s="22" t="s">
        <v>406</v>
      </c>
      <c r="E146" s="23" t="s">
        <v>407</v>
      </c>
      <c r="F146" s="24" t="s">
        <v>554</v>
      </c>
      <c r="G146" s="25" t="s">
        <v>555</v>
      </c>
      <c r="H146" s="26" t="s">
        <v>721</v>
      </c>
      <c r="I146" s="27" t="s">
        <v>862</v>
      </c>
    </row>
    <row r="147" spans="2:9" s="10" customFormat="1" x14ac:dyDescent="0.2">
      <c r="B147" s="20"/>
      <c r="C147" s="39"/>
      <c r="D147" s="22" t="s">
        <v>408</v>
      </c>
      <c r="E147" s="23" t="s">
        <v>409</v>
      </c>
      <c r="F147" s="24" t="s">
        <v>556</v>
      </c>
      <c r="G147" s="25" t="s">
        <v>557</v>
      </c>
      <c r="H147" s="26" t="s">
        <v>722</v>
      </c>
      <c r="I147" s="27" t="s">
        <v>863</v>
      </c>
    </row>
    <row r="148" spans="2:9" s="10" customFormat="1" ht="13.5" thickBot="1" x14ac:dyDescent="0.25">
      <c r="B148" s="55"/>
      <c r="C148" s="56"/>
      <c r="D148" s="57" t="s">
        <v>410</v>
      </c>
      <c r="E148" s="58" t="s">
        <v>411</v>
      </c>
      <c r="F148" s="59" t="s">
        <v>558</v>
      </c>
      <c r="G148" s="60" t="s">
        <v>559</v>
      </c>
      <c r="H148" s="56" t="s">
        <v>723</v>
      </c>
      <c r="I148" s="61" t="s">
        <v>864</v>
      </c>
    </row>
  </sheetData>
  <mergeCells count="2">
    <mergeCell ref="B4:C4"/>
    <mergeCell ref="H3:I3"/>
  </mergeCells>
  <phoneticPr fontId="1"/>
  <dataValidations count="1">
    <dataValidation type="custom" allowBlank="1" showInputMessage="1" showErrorMessage="1" error="登録済みです！" sqref="I5:I55 I57:I148">
      <formula1>COUNTIF(I:I,I5)&lt;2</formula1>
    </dataValidation>
  </dataValidations>
  <printOptions horizontalCentered="1"/>
  <pageMargins left="0.78740157480314965" right="0.39370078740157483" top="0.59055118110236227" bottom="0.59055118110236227" header="0" footer="0"/>
  <pageSetup paperSize="9" scale="6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中学校（横浜市）</vt:lpstr>
      <vt:lpstr>'中学校（横浜市）'!Print_Area</vt:lpstr>
      <vt:lpstr>'中学校（横浜市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0-03-29T05:55:33Z</cp:lastPrinted>
  <dcterms:created xsi:type="dcterms:W3CDTF">2009-12-22T05:33:52Z</dcterms:created>
  <dcterms:modified xsi:type="dcterms:W3CDTF">2024-03-26T06:44:32Z</dcterms:modified>
</cp:coreProperties>
</file>